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425"/>
  <workbookPr codeName="ThisWorkbook" defaultThemeVersion="166925"/>
  <mc:AlternateContent xmlns:mc="http://schemas.openxmlformats.org/markup-compatibility/2006">
    <mc:Choice Requires="x15">
      <x15ac:absPath xmlns:x15ac="http://schemas.microsoft.com/office/spreadsheetml/2010/11/ac" url="\\smd1fs01\s165\S165経営支援部\新事部-R1連携事業支援☆\C2 03販路開拓支援\C2 01 パートナー事業\C2 03 パートナー企画\C2 令和6年度\03-02_株式会社ワッツ商品募集　　　　　　 （決裁前・資料回収済）\"/>
    </mc:Choice>
  </mc:AlternateContent>
  <xr:revisionPtr revIDLastSave="0" documentId="13_ncr:1_{80A8BD20-28EE-48F9-AF5B-901AAAE610F2}" xr6:coauthVersionLast="47" xr6:coauthVersionMax="47" xr10:uidLastSave="{00000000-0000-0000-0000-000000000000}"/>
  <bookViews>
    <workbookView xWindow="-110" yWindow="-110" windowWidth="19420" windowHeight="10420" xr2:uid="{00000000-000D-0000-FFFF-FFFF00000000}"/>
  </bookViews>
  <sheets>
    <sheet name="商品カルテ" sheetId="12" r:id="rId1"/>
    <sheet name="リスト" sheetId="13" state="hidden" r:id="rId2"/>
  </sheets>
  <definedNames>
    <definedName name="_xlnm.Print_Area" localSheetId="0">商品カルテ!$A$1:$AC$31</definedName>
    <definedName name="サービス業・他に分類されないもの">リスト!$AO$3:$AO$11</definedName>
    <definedName name="医療・福祉">リスト!$AM$3:$AM$5</definedName>
    <definedName name="運輸業・郵便業">リスト!$AE$3:$AE$10</definedName>
    <definedName name="卸売業・小売業">リスト!$AF$3:$AF$14</definedName>
    <definedName name="学術研究・専門・技術サービス業">リスト!$AI$3:$AI$6</definedName>
    <definedName name="漁業">リスト!$Y$3:$Y$4</definedName>
    <definedName name="教育・学習支援業">リスト!$AL$3:$AL$4</definedName>
    <definedName name="金融業・保険業">リスト!$AG$3:$AG$8</definedName>
    <definedName name="建設業">リスト!$AA$3:$AA$5</definedName>
    <definedName name="公務・他に分類されるものを除く">リスト!$AP$3:$AP$4</definedName>
    <definedName name="鉱業・採石業・砂利採取業">リスト!$Z$3</definedName>
    <definedName name="宿泊業・飲食サービス業">リスト!$AJ$3:$AJ$5</definedName>
    <definedName name="情報通信業">リスト!$AD$3:$AD$7</definedName>
    <definedName name="生活関連サービス業・娯楽業">リスト!$AK$3:$AK$5</definedName>
    <definedName name="製造業">リスト!$AB$3:$AB$26</definedName>
    <definedName name="電気・ガス・熱供給・水道業">リスト!$AC$3:$AC$6</definedName>
    <definedName name="農業・林業">リスト!$X$3:$X$4</definedName>
    <definedName name="不動産業・物品賃貸業">リスト!$AH$3:$AH$5</definedName>
    <definedName name="複合サービス事業">リスト!$AN$3:$AN$4</definedName>
    <definedName name="分類不能の産業">リスト!$AQ$3</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C12" i="12" l="1"/>
</calcChain>
</file>

<file path=xl/sharedStrings.xml><?xml version="1.0" encoding="utf-8"?>
<sst xmlns="http://schemas.openxmlformats.org/spreadsheetml/2006/main" count="229" uniqueCount="225">
  <si>
    <t>フリガナ</t>
    <phoneticPr fontId="3"/>
  </si>
  <si>
    <t>企業名</t>
    <rPh sb="0" eb="2">
      <t>キギョウ</t>
    </rPh>
    <rPh sb="2" eb="3">
      <t>メイ</t>
    </rPh>
    <phoneticPr fontId="3"/>
  </si>
  <si>
    <t>円</t>
    <rPh sb="0" eb="1">
      <t>エン</t>
    </rPh>
    <phoneticPr fontId="3"/>
  </si>
  <si>
    <t>エントリーシート</t>
    <phoneticPr fontId="3"/>
  </si>
  <si>
    <t>記入日</t>
    <rPh sb="0" eb="2">
      <t>キニュウ</t>
    </rPh>
    <rPh sb="2" eb="3">
      <t>ビ</t>
    </rPh>
    <phoneticPr fontId="3"/>
  </si>
  <si>
    <t>年</t>
    <rPh sb="0" eb="1">
      <t>ネン</t>
    </rPh>
    <phoneticPr fontId="3"/>
  </si>
  <si>
    <t>月</t>
    <rPh sb="0" eb="1">
      <t>ツキ</t>
    </rPh>
    <phoneticPr fontId="3"/>
  </si>
  <si>
    <t>日</t>
    <rPh sb="0" eb="1">
      <t>ヒ</t>
    </rPh>
    <phoneticPr fontId="3"/>
  </si>
  <si>
    <t>【商品画像】</t>
    <rPh sb="1" eb="5">
      <t>ショウヒンガゾウ</t>
    </rPh>
    <phoneticPr fontId="3"/>
  </si>
  <si>
    <t>商品名</t>
    <rPh sb="0" eb="3">
      <t>ショウヒンメイ</t>
    </rPh>
    <phoneticPr fontId="3"/>
  </si>
  <si>
    <t>製造者名</t>
    <rPh sb="0" eb="3">
      <t>セイゾウシャ</t>
    </rPh>
    <rPh sb="3" eb="4">
      <t>メイ</t>
    </rPh>
    <phoneticPr fontId="3"/>
  </si>
  <si>
    <t>卸売者名</t>
    <rPh sb="0" eb="3">
      <t>オロシウリシャ</t>
    </rPh>
    <rPh sb="3" eb="4">
      <t>メイ</t>
    </rPh>
    <phoneticPr fontId="3"/>
  </si>
  <si>
    <t>卸売価格</t>
    <rPh sb="0" eb="4">
      <t>オロシバイカカク</t>
    </rPh>
    <phoneticPr fontId="3"/>
  </si>
  <si>
    <t>【参考】販売価格</t>
    <rPh sb="1" eb="3">
      <t>サンコウ</t>
    </rPh>
    <rPh sb="4" eb="6">
      <t>ハンバイ</t>
    </rPh>
    <rPh sb="6" eb="8">
      <t>カカク</t>
    </rPh>
    <phoneticPr fontId="3"/>
  </si>
  <si>
    <t>商品サイズ</t>
    <rPh sb="0" eb="2">
      <t>ショウヒン</t>
    </rPh>
    <phoneticPr fontId="3"/>
  </si>
  <si>
    <t>　幅（W）×奥行（D）×高さ（H）</t>
    <phoneticPr fontId="3"/>
  </si>
  <si>
    <t>商品重量</t>
    <rPh sb="0" eb="2">
      <t>ショウヒン</t>
    </rPh>
    <rPh sb="2" eb="4">
      <t>ジュウリョウ</t>
    </rPh>
    <phoneticPr fontId="1"/>
  </si>
  <si>
    <t>（単位）</t>
    <rPh sb="1" eb="3">
      <t>タンイ</t>
    </rPh>
    <phoneticPr fontId="3"/>
  </si>
  <si>
    <t>　※単位についてはご自身で記載ください</t>
    <rPh sb="2" eb="4">
      <t>タンイ</t>
    </rPh>
    <rPh sb="10" eb="12">
      <t>ジシン</t>
    </rPh>
    <rPh sb="13" eb="15">
      <t>キサイ</t>
    </rPh>
    <phoneticPr fontId="3"/>
  </si>
  <si>
    <t>配送ロット</t>
    <rPh sb="0" eb="2">
      <t>ハイソウ</t>
    </rPh>
    <phoneticPr fontId="1"/>
  </si>
  <si>
    <t>ケース</t>
    <phoneticPr fontId="3"/>
  </si>
  <si>
    <t>ケース重量</t>
    <rPh sb="3" eb="5">
      <t>ジュウリョウ</t>
    </rPh>
    <phoneticPr fontId="3"/>
  </si>
  <si>
    <t>商品情報
商品管理基準</t>
    <rPh sb="0" eb="2">
      <t>ショウヒン</t>
    </rPh>
    <rPh sb="2" eb="4">
      <t>ジョウホウ</t>
    </rPh>
    <rPh sb="5" eb="7">
      <t>ショウヒン</t>
    </rPh>
    <rPh sb="7" eb="9">
      <t>カンリ</t>
    </rPh>
    <rPh sb="9" eb="11">
      <t>キジュン</t>
    </rPh>
    <phoneticPr fontId="3"/>
  </si>
  <si>
    <t>商品コンセプト・
特長等
(200文字程度)</t>
    <rPh sb="0" eb="2">
      <t>ショウヒン</t>
    </rPh>
    <rPh sb="9" eb="10">
      <t>トク</t>
    </rPh>
    <rPh sb="10" eb="11">
      <t>チョウ</t>
    </rPh>
    <rPh sb="11" eb="12">
      <t>トウ</t>
    </rPh>
    <rPh sb="17" eb="18">
      <t>ブン</t>
    </rPh>
    <rPh sb="18" eb="19">
      <t>ジ</t>
    </rPh>
    <rPh sb="19" eb="21">
      <t>テイド</t>
    </rPh>
    <phoneticPr fontId="3"/>
  </si>
  <si>
    <t>訴求ポイント</t>
    <rPh sb="0" eb="2">
      <t>ソキュウ</t>
    </rPh>
    <phoneticPr fontId="3"/>
  </si>
  <si>
    <t>その他特記事項</t>
    <rPh sb="2" eb="3">
      <t>タ</t>
    </rPh>
    <rPh sb="3" eb="5">
      <t>トッキ</t>
    </rPh>
    <rPh sb="5" eb="7">
      <t>ジコウ</t>
    </rPh>
    <phoneticPr fontId="3"/>
  </si>
  <si>
    <t>輸出希望国</t>
    <rPh sb="0" eb="2">
      <t>ユシュツ</t>
    </rPh>
    <rPh sb="2" eb="4">
      <t>キボウ</t>
    </rPh>
    <rPh sb="4" eb="5">
      <t>コク</t>
    </rPh>
    <phoneticPr fontId="3"/>
  </si>
  <si>
    <t>その理由</t>
    <rPh sb="2" eb="4">
      <t>リユウ</t>
    </rPh>
    <phoneticPr fontId="3"/>
  </si>
  <si>
    <t>素材</t>
    <rPh sb="0" eb="2">
      <t>ソザイ</t>
    </rPh>
    <phoneticPr fontId="3"/>
  </si>
  <si>
    <t>表示</t>
    <rPh sb="0" eb="2">
      <t>ヒョウジ</t>
    </rPh>
    <phoneticPr fontId="3"/>
  </si>
  <si>
    <t>※食品衛生法表示義務に基づく表示のない場合は販売できません</t>
    <rPh sb="19" eb="21">
      <t>バアイ</t>
    </rPh>
    <rPh sb="22" eb="24">
      <t>ハンバイ</t>
    </rPh>
    <phoneticPr fontId="3"/>
  </si>
  <si>
    <t>サンプル</t>
  </si>
  <si>
    <t>当該商品の
販売状況</t>
    <rPh sb="0" eb="2">
      <t>トウガイ</t>
    </rPh>
    <rPh sb="2" eb="4">
      <t>ショウヒン</t>
    </rPh>
    <rPh sb="6" eb="10">
      <t>ハンバイジョウキョウ</t>
    </rPh>
    <phoneticPr fontId="3"/>
  </si>
  <si>
    <t>販売実績・方法</t>
    <phoneticPr fontId="3"/>
  </si>
  <si>
    <t xml:space="preserve"> 自社店舗</t>
    <rPh sb="1" eb="3">
      <t>ジシャ</t>
    </rPh>
    <rPh sb="3" eb="5">
      <t>テンポ</t>
    </rPh>
    <phoneticPr fontId="3"/>
  </si>
  <si>
    <t xml:space="preserve"> 商業施設</t>
    <rPh sb="1" eb="3">
      <t>ショウギョウ</t>
    </rPh>
    <rPh sb="3" eb="5">
      <t>シセツ</t>
    </rPh>
    <phoneticPr fontId="3"/>
  </si>
  <si>
    <t>専門店・セレクトショップ</t>
    <rPh sb="0" eb="3">
      <t>センモンテン</t>
    </rPh>
    <phoneticPr fontId="3"/>
  </si>
  <si>
    <t xml:space="preserve"> 商社・卸売</t>
    <rPh sb="1" eb="3">
      <t>ショウシャ</t>
    </rPh>
    <rPh sb="4" eb="6">
      <t>オロシウ</t>
    </rPh>
    <phoneticPr fontId="3"/>
  </si>
  <si>
    <t xml:space="preserve"> ECモール</t>
    <phoneticPr fontId="3"/>
  </si>
  <si>
    <t xml:space="preserve"> 自社HP・ECサイト</t>
    <rPh sb="1" eb="3">
      <t>ジシャ</t>
    </rPh>
    <phoneticPr fontId="3"/>
  </si>
  <si>
    <t>カタログギフト・通信販売</t>
    <rPh sb="8" eb="12">
      <t>ツウシンハンバイ</t>
    </rPh>
    <phoneticPr fontId="3"/>
  </si>
  <si>
    <t xml:space="preserve"> その他</t>
    <rPh sb="3" eb="4">
      <t>タ</t>
    </rPh>
    <phoneticPr fontId="3"/>
  </si>
  <si>
    <t>上記の具体的な内容（店舗名等）</t>
    <rPh sb="7" eb="9">
      <t>ナイヨウ</t>
    </rPh>
    <rPh sb="10" eb="12">
      <t>テンポ</t>
    </rPh>
    <rPh sb="12" eb="13">
      <t>メイ</t>
    </rPh>
    <rPh sb="13" eb="14">
      <t>ナド</t>
    </rPh>
    <phoneticPr fontId="3"/>
  </si>
  <si>
    <t>輸出実績</t>
    <rPh sb="0" eb="2">
      <t>ユシュツ</t>
    </rPh>
    <rPh sb="2" eb="4">
      <t>ジッセキ</t>
    </rPh>
    <phoneticPr fontId="3"/>
  </si>
  <si>
    <t>輸出国</t>
    <rPh sb="0" eb="3">
      <t>ユシュツコク</t>
    </rPh>
    <phoneticPr fontId="3"/>
  </si>
  <si>
    <t>その他</t>
    <rPh sb="2" eb="3">
      <t>タ</t>
    </rPh>
    <phoneticPr fontId="3"/>
  </si>
  <si>
    <t>取得基準</t>
    <rPh sb="0" eb="2">
      <t>シュトク</t>
    </rPh>
    <rPh sb="2" eb="4">
      <t>キジュン</t>
    </rPh>
    <phoneticPr fontId="3"/>
  </si>
  <si>
    <t xml:space="preserve"> ISO9001 </t>
    <phoneticPr fontId="3"/>
  </si>
  <si>
    <t xml:space="preserve"> ISO14001</t>
    <phoneticPr fontId="3"/>
  </si>
  <si>
    <t>ISO27001</t>
    <phoneticPr fontId="3"/>
  </si>
  <si>
    <t xml:space="preserve"> JAS規格</t>
    <rPh sb="4" eb="6">
      <t>キカク</t>
    </rPh>
    <phoneticPr fontId="3"/>
  </si>
  <si>
    <t xml:space="preserve"> オーガニック認証</t>
    <rPh sb="7" eb="9">
      <t>ニンショウ</t>
    </rPh>
    <phoneticPr fontId="3"/>
  </si>
  <si>
    <t>（</t>
    <phoneticPr fontId="3"/>
  </si>
  <si>
    <t>）</t>
    <phoneticPr fontId="3"/>
  </si>
  <si>
    <t>PL保険加入</t>
    <rPh sb="2" eb="4">
      <t>ホケン</t>
    </rPh>
    <rPh sb="4" eb="6">
      <t>カニュウ</t>
    </rPh>
    <phoneticPr fontId="3"/>
  </si>
  <si>
    <t>農業・林業</t>
    <phoneticPr fontId="3"/>
  </si>
  <si>
    <t>漁業</t>
    <phoneticPr fontId="3"/>
  </si>
  <si>
    <t>鉱業・採石業・砂利採取業</t>
    <phoneticPr fontId="3"/>
  </si>
  <si>
    <t>建設業</t>
    <phoneticPr fontId="3"/>
  </si>
  <si>
    <t>製造業</t>
    <phoneticPr fontId="3"/>
  </si>
  <si>
    <t>電気・ガス・熱供給・水道業</t>
    <phoneticPr fontId="3"/>
  </si>
  <si>
    <t>情報通信業</t>
    <phoneticPr fontId="3"/>
  </si>
  <si>
    <t>運輸業・郵便業</t>
    <phoneticPr fontId="3"/>
  </si>
  <si>
    <t>卸売業・小売業</t>
    <phoneticPr fontId="3"/>
  </si>
  <si>
    <t>金融業・保険業</t>
    <phoneticPr fontId="3"/>
  </si>
  <si>
    <t>不動産業・物品賃貸業</t>
    <phoneticPr fontId="3"/>
  </si>
  <si>
    <t>学術研究・専門・技術サービス業</t>
    <phoneticPr fontId="3"/>
  </si>
  <si>
    <t>宿泊業・飲食サービス業</t>
    <phoneticPr fontId="3"/>
  </si>
  <si>
    <t>生活関連サービス業・娯楽業</t>
    <phoneticPr fontId="3"/>
  </si>
  <si>
    <t>教育・学習支援業</t>
    <phoneticPr fontId="3"/>
  </si>
  <si>
    <t>医療・福祉</t>
    <phoneticPr fontId="3"/>
  </si>
  <si>
    <t>複合サービス事業</t>
    <phoneticPr fontId="3"/>
  </si>
  <si>
    <t>サービス業・他に分類されないもの</t>
    <phoneticPr fontId="3"/>
  </si>
  <si>
    <t>公務・他に分類されるものを除く</t>
    <phoneticPr fontId="3"/>
  </si>
  <si>
    <t>分類不能の産業</t>
    <phoneticPr fontId="3"/>
  </si>
  <si>
    <t>買取</t>
    <rPh sb="0" eb="2">
      <t>カイトリ</t>
    </rPh>
    <phoneticPr fontId="3"/>
  </si>
  <si>
    <t>常温</t>
    <rPh sb="0" eb="2">
      <t>ジョウオン</t>
    </rPh>
    <phoneticPr fontId="3"/>
  </si>
  <si>
    <t>あり</t>
    <phoneticPr fontId="3"/>
  </si>
  <si>
    <t>消費期限</t>
    <rPh sb="0" eb="4">
      <t>ショウヒキゲン</t>
    </rPh>
    <phoneticPr fontId="3"/>
  </si>
  <si>
    <t>提供できる</t>
    <rPh sb="0" eb="2">
      <t>テイキョウ</t>
    </rPh>
    <phoneticPr fontId="3"/>
  </si>
  <si>
    <t>外部機関のチェック有</t>
    <rPh sb="0" eb="4">
      <t>ガイブキカン</t>
    </rPh>
    <rPh sb="9" eb="10">
      <t>アリ</t>
    </rPh>
    <phoneticPr fontId="3"/>
  </si>
  <si>
    <t>対応済</t>
    <rPh sb="0" eb="2">
      <t>タイオウ</t>
    </rPh>
    <rPh sb="2" eb="3">
      <t>スミ</t>
    </rPh>
    <phoneticPr fontId="3"/>
  </si>
  <si>
    <t>果物</t>
  </si>
  <si>
    <t>農業</t>
  </si>
  <si>
    <t>漁業（水産養殖業を除く）</t>
  </si>
  <si>
    <t>鉱業・採石業・砂利採取業</t>
  </si>
  <si>
    <t>総合工事業</t>
  </si>
  <si>
    <t>食料品製造業</t>
  </si>
  <si>
    <t>電気業</t>
  </si>
  <si>
    <t>通信業</t>
  </si>
  <si>
    <t>鉄道業</t>
  </si>
  <si>
    <t>各種商品卸売業</t>
  </si>
  <si>
    <t>銀行業</t>
  </si>
  <si>
    <t>不動産取引業</t>
  </si>
  <si>
    <t>学術・開発研究機関</t>
  </si>
  <si>
    <t>宿泊業</t>
  </si>
  <si>
    <t>洗濯・理容・美容・浴場業</t>
  </si>
  <si>
    <t>学校教育</t>
  </si>
  <si>
    <t>医療業</t>
  </si>
  <si>
    <t>郵便局</t>
  </si>
  <si>
    <t>廃棄物処理業</t>
  </si>
  <si>
    <t>国家公務</t>
  </si>
  <si>
    <t>分類不能の産業</t>
  </si>
  <si>
    <t>委託</t>
    <rPh sb="0" eb="2">
      <t>イタク</t>
    </rPh>
    <phoneticPr fontId="3"/>
  </si>
  <si>
    <t>冷蔵</t>
    <rPh sb="0" eb="2">
      <t>レイゾウ</t>
    </rPh>
    <phoneticPr fontId="3"/>
  </si>
  <si>
    <t>なし</t>
    <phoneticPr fontId="3"/>
  </si>
  <si>
    <t>賞味期限</t>
    <rPh sb="0" eb="4">
      <t>ショウミキゲン</t>
    </rPh>
    <phoneticPr fontId="3"/>
  </si>
  <si>
    <t>提供できない</t>
    <rPh sb="0" eb="2">
      <t>テイキョウ</t>
    </rPh>
    <phoneticPr fontId="3"/>
  </si>
  <si>
    <t>社内チェックのみ</t>
    <rPh sb="0" eb="2">
      <t>シャナイ</t>
    </rPh>
    <phoneticPr fontId="3"/>
  </si>
  <si>
    <t>未対応</t>
    <rPh sb="0" eb="3">
      <t>ミタイオウ</t>
    </rPh>
    <phoneticPr fontId="3"/>
  </si>
  <si>
    <t>野菜</t>
  </si>
  <si>
    <t>✓</t>
    <phoneticPr fontId="3"/>
  </si>
  <si>
    <t xml:space="preserve">輸出は全くの未経験 </t>
    <phoneticPr fontId="3"/>
  </si>
  <si>
    <t>林業</t>
  </si>
  <si>
    <t>水産養殖業</t>
  </si>
  <si>
    <t>職別工事業(設備工事業を除く)</t>
  </si>
  <si>
    <t>飲料・たばこ・飼料製造業</t>
  </si>
  <si>
    <t>ガス業</t>
  </si>
  <si>
    <t>放送業</t>
  </si>
  <si>
    <t>道路旅客運送業</t>
  </si>
  <si>
    <t>繊維・衣服等卸売業</t>
  </si>
  <si>
    <t>協同組織金融業</t>
  </si>
  <si>
    <t>不動産賃貸業・管理業</t>
  </si>
  <si>
    <t>専門サービス業（他に分類されないもの）</t>
  </si>
  <si>
    <t>飲食店</t>
  </si>
  <si>
    <t>その他の生活関連サービス業</t>
  </si>
  <si>
    <t>その他の教育，学習支援業</t>
  </si>
  <si>
    <t>保健衛生</t>
  </si>
  <si>
    <t>協同組合（他に分類されないもの）</t>
  </si>
  <si>
    <t>自動車整備業</t>
  </si>
  <si>
    <t>地方公務</t>
  </si>
  <si>
    <t>個別条</t>
    <rPh sb="0" eb="2">
      <t>コベツ</t>
    </rPh>
    <rPh sb="2" eb="3">
      <t>ジョウ</t>
    </rPh>
    <phoneticPr fontId="3"/>
  </si>
  <si>
    <t>冷凍</t>
    <rPh sb="0" eb="2">
      <t>レイトウ</t>
    </rPh>
    <phoneticPr fontId="3"/>
  </si>
  <si>
    <t>表示なし</t>
    <rPh sb="0" eb="2">
      <t>ヒョウジ</t>
    </rPh>
    <phoneticPr fontId="3"/>
  </si>
  <si>
    <t>鮮魚</t>
  </si>
  <si>
    <t xml:space="preserve">輸出実績はあるが、2022年1月以降には実績がない </t>
    <phoneticPr fontId="3"/>
  </si>
  <si>
    <t>設備工事業</t>
  </si>
  <si>
    <t>繊維工業</t>
  </si>
  <si>
    <t>熱供給業</t>
  </si>
  <si>
    <t>情報サービス業</t>
  </si>
  <si>
    <t>道路貨物運送業</t>
  </si>
  <si>
    <t>飲食料品卸売業</t>
  </si>
  <si>
    <t>貸金業，クレジットカード業等非預金信用機関</t>
  </si>
  <si>
    <t>物品賃貸業</t>
  </si>
  <si>
    <t>広告業</t>
  </si>
  <si>
    <t>持ち帰り・配達飲食サービス業</t>
  </si>
  <si>
    <t>娯楽業</t>
  </si>
  <si>
    <t>社会保険・社会福祉・介護事業</t>
  </si>
  <si>
    <t>機械等修理業（別掲を除く）</t>
  </si>
  <si>
    <t>塩干</t>
  </si>
  <si>
    <t xml:space="preserve">輸出実績はあるが新たな国・地域に取り組みたい </t>
    <phoneticPr fontId="3"/>
  </si>
  <si>
    <t>木材・木製品製造業（家具を除く）</t>
  </si>
  <si>
    <t>水道業</t>
  </si>
  <si>
    <t>インターネット附随サービス業</t>
  </si>
  <si>
    <t>水運業</t>
  </si>
  <si>
    <t>建築材料，鉱物・金属材料等卸売業</t>
  </si>
  <si>
    <t>金融商品取引業，商品先物取引業</t>
  </si>
  <si>
    <t>技術サービス業（他に分類されないもの）</t>
  </si>
  <si>
    <t>職業紹介・労働者派遣業</t>
  </si>
  <si>
    <t>加工肉</t>
  </si>
  <si>
    <t xml:space="preserve">輸出実績はあるが、新しい商品輸出に取り組みたい </t>
    <phoneticPr fontId="3"/>
  </si>
  <si>
    <t>家具・装備品製造業</t>
  </si>
  <si>
    <t>映像・音声・文字情報制作業</t>
  </si>
  <si>
    <t>航空運輸業</t>
  </si>
  <si>
    <t>機械器具卸売業</t>
  </si>
  <si>
    <t>補助的金融業等</t>
  </si>
  <si>
    <t>その他の事業サービス業</t>
  </si>
  <si>
    <t>全国</t>
    <rPh sb="0" eb="2">
      <t>ゼンコク</t>
    </rPh>
    <phoneticPr fontId="3"/>
  </si>
  <si>
    <t>生肉</t>
  </si>
  <si>
    <t xml:space="preserve">輸出実績はあるが、新しい販路開拓方法に取り組みたい </t>
    <phoneticPr fontId="3"/>
  </si>
  <si>
    <t>パルプ・紙・紙加工品製造業</t>
  </si>
  <si>
    <t>倉庫業</t>
  </si>
  <si>
    <t>その他の卸売業</t>
  </si>
  <si>
    <t>保険業（保険媒介代理業，保険サービス業を含む）</t>
  </si>
  <si>
    <t>政治・経済・文化団体</t>
  </si>
  <si>
    <t>地域限定</t>
    <rPh sb="0" eb="4">
      <t>チイキゲンテイ</t>
    </rPh>
    <phoneticPr fontId="3"/>
  </si>
  <si>
    <t>デリカ</t>
  </si>
  <si>
    <t>印刷・同関連業</t>
  </si>
  <si>
    <t>運輸に附帯するサービス業</t>
  </si>
  <si>
    <t>各種商品小売業</t>
  </si>
  <si>
    <t>宗教</t>
  </si>
  <si>
    <t>日配</t>
  </si>
  <si>
    <t>化学工業</t>
  </si>
  <si>
    <t>郵便業（信書便事業を含む）</t>
  </si>
  <si>
    <t>織物・衣服・身の回り品小売業</t>
  </si>
  <si>
    <t>その他のサービス業</t>
  </si>
  <si>
    <t>冷凍食品</t>
  </si>
  <si>
    <t>石油製品・石炭製品製造業</t>
  </si>
  <si>
    <t>飲食料品小売業</t>
  </si>
  <si>
    <t>外国公務</t>
  </si>
  <si>
    <t>加工食品</t>
  </si>
  <si>
    <t>プラスチック製品製造業（別掲を除く）</t>
  </si>
  <si>
    <t>機械器具小売業</t>
  </si>
  <si>
    <t>調味料</t>
  </si>
  <si>
    <t>ゴム製品製造業</t>
  </si>
  <si>
    <t>その他の小売業</t>
  </si>
  <si>
    <t>菓子</t>
  </si>
  <si>
    <t>なめし革・同製品・毛皮製造業</t>
  </si>
  <si>
    <t>無店舗小売業</t>
  </si>
  <si>
    <t>酒類</t>
  </si>
  <si>
    <t>窯業・土石製品製造業</t>
  </si>
  <si>
    <t>日用品・雑貨</t>
  </si>
  <si>
    <t>鉄鋼業</t>
  </si>
  <si>
    <t>Maruichi</t>
    <phoneticPr fontId="3"/>
  </si>
  <si>
    <t>その他</t>
  </si>
  <si>
    <t>非鉄金属製造業</t>
  </si>
  <si>
    <t>国分グループ本社</t>
    <rPh sb="0" eb="2">
      <t>コクブ</t>
    </rPh>
    <rPh sb="6" eb="8">
      <t>ホンシャ</t>
    </rPh>
    <phoneticPr fontId="3"/>
  </si>
  <si>
    <t>金属製品製造業</t>
  </si>
  <si>
    <t>日本アクセス</t>
    <rPh sb="0" eb="2">
      <t>ニホン</t>
    </rPh>
    <phoneticPr fontId="3"/>
  </si>
  <si>
    <t>はん用機械器具製造業</t>
  </si>
  <si>
    <t>シーズコア</t>
    <phoneticPr fontId="3"/>
  </si>
  <si>
    <t>生産用機械器具製造業</t>
  </si>
  <si>
    <t>ヒットinThai</t>
    <phoneticPr fontId="3"/>
  </si>
  <si>
    <t>業務用機械器具製造業</t>
  </si>
  <si>
    <t>ライフスタンダード</t>
    <phoneticPr fontId="3"/>
  </si>
  <si>
    <t>電子部品・デバイス・電子回路製造業</t>
  </si>
  <si>
    <t>ChefooDo</t>
    <phoneticPr fontId="3"/>
  </si>
  <si>
    <t>電気機械器具製造業</t>
  </si>
  <si>
    <t>スーパーデリバリー</t>
    <phoneticPr fontId="3"/>
  </si>
  <si>
    <t>情報通信機械器具製造業</t>
  </si>
  <si>
    <t>Monmaya</t>
    <phoneticPr fontId="3"/>
  </si>
  <si>
    <t>輸送用機械器具製造業</t>
  </si>
  <si>
    <t>ジャランジャパン</t>
    <phoneticPr fontId="3"/>
  </si>
  <si>
    <t>その他の製造業</t>
  </si>
  <si>
    <t>株式会社ワッツ</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7" x14ac:knownFonts="1">
    <font>
      <sz val="11"/>
      <name val="ＭＳ Ｐゴシック"/>
      <family val="3"/>
      <charset val="128"/>
    </font>
    <font>
      <sz val="18"/>
      <color theme="3"/>
      <name val="游ゴシック Light"/>
      <family val="2"/>
      <charset val="128"/>
      <scheme val="major"/>
    </font>
    <font>
      <sz val="11"/>
      <name val="ＭＳ Ｐゴシック"/>
      <family val="3"/>
      <charset val="128"/>
    </font>
    <font>
      <sz val="6"/>
      <name val="ＭＳ Ｐゴシック"/>
      <family val="3"/>
      <charset val="128"/>
    </font>
    <font>
      <sz val="10"/>
      <name val="BIZ UDPゴシック"/>
      <family val="3"/>
      <charset val="128"/>
    </font>
    <font>
      <b/>
      <sz val="18"/>
      <name val="BIZ UDPゴシック"/>
      <family val="3"/>
      <charset val="128"/>
    </font>
    <font>
      <sz val="12"/>
      <name val="BIZ UDPゴシック"/>
      <family val="3"/>
      <charset val="128"/>
    </font>
    <font>
      <sz val="11"/>
      <color rgb="FFFF0000"/>
      <name val="BIZ UDPゴシック"/>
      <family val="3"/>
      <charset val="128"/>
    </font>
    <font>
      <sz val="11"/>
      <name val="BIZ UDPゴシック"/>
      <family val="3"/>
      <charset val="128"/>
    </font>
    <font>
      <sz val="9"/>
      <name val="BIZ UDPゴシック"/>
      <family val="3"/>
      <charset val="128"/>
    </font>
    <font>
      <sz val="8"/>
      <name val="BIZ UDPゴシック"/>
      <family val="3"/>
      <charset val="128"/>
    </font>
    <font>
      <sz val="11"/>
      <name val="Segoe UI Symbol"/>
      <family val="3"/>
    </font>
    <font>
      <b/>
      <sz val="11"/>
      <name val="BIZ UDPゴシック"/>
      <family val="3"/>
      <charset val="128"/>
    </font>
    <font>
      <sz val="14"/>
      <name val="BIZ UDPゴシック"/>
      <family val="3"/>
      <charset val="128"/>
    </font>
    <font>
      <u/>
      <sz val="11"/>
      <color indexed="12"/>
      <name val="ＭＳ Ｐゴシック"/>
      <family val="3"/>
      <charset val="128"/>
    </font>
    <font>
      <b/>
      <sz val="11"/>
      <name val="ＭＳ Ｐゴシック"/>
      <family val="3"/>
      <charset val="128"/>
    </font>
    <font>
      <u/>
      <sz val="11"/>
      <color theme="10"/>
      <name val="ＭＳ Ｐゴシック"/>
      <family val="3"/>
      <charset val="128"/>
    </font>
  </fonts>
  <fills count="8">
    <fill>
      <patternFill patternType="none"/>
    </fill>
    <fill>
      <patternFill patternType="gray125"/>
    </fill>
    <fill>
      <patternFill patternType="solid">
        <fgColor indexed="42"/>
        <bgColor indexed="64"/>
      </patternFill>
    </fill>
    <fill>
      <patternFill patternType="solid">
        <fgColor theme="0"/>
        <bgColor indexed="64"/>
      </patternFill>
    </fill>
    <fill>
      <patternFill patternType="solid">
        <fgColor theme="0" tint="-4.9989318521683403E-2"/>
        <bgColor indexed="64"/>
      </patternFill>
    </fill>
    <fill>
      <patternFill patternType="solid">
        <fgColor theme="0" tint="-0.14999847407452621"/>
        <bgColor indexed="64"/>
      </patternFill>
    </fill>
    <fill>
      <patternFill patternType="solid">
        <fgColor rgb="FFFFEFEF"/>
        <bgColor indexed="64"/>
      </patternFill>
    </fill>
    <fill>
      <patternFill patternType="solid">
        <fgColor rgb="FFE7EFFF"/>
        <bgColor indexed="64"/>
      </patternFill>
    </fill>
  </fills>
  <borders count="22">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indexed="64"/>
      </right>
      <top/>
      <bottom/>
      <diagonal/>
    </border>
    <border>
      <left style="hair">
        <color indexed="64"/>
      </left>
      <right style="thin">
        <color indexed="64"/>
      </right>
      <top style="thin">
        <color indexed="64"/>
      </top>
      <bottom style="thin">
        <color indexed="64"/>
      </bottom>
      <diagonal/>
    </border>
    <border>
      <left style="hair">
        <color indexed="64"/>
      </left>
      <right/>
      <top style="thin">
        <color indexed="64"/>
      </top>
      <bottom style="thin">
        <color indexed="64"/>
      </bottom>
      <diagonal/>
    </border>
    <border>
      <left style="hair">
        <color auto="1"/>
      </left>
      <right style="hair">
        <color auto="1"/>
      </right>
      <top style="hair">
        <color auto="1"/>
      </top>
      <bottom style="hair">
        <color auto="1"/>
      </bottom>
      <diagonal/>
    </border>
    <border>
      <left style="thin">
        <color indexed="64"/>
      </left>
      <right style="thin">
        <color indexed="64"/>
      </right>
      <top/>
      <bottom/>
      <diagonal/>
    </border>
    <border>
      <left/>
      <right/>
      <top style="hair">
        <color indexed="64"/>
      </top>
      <bottom/>
      <diagonal/>
    </border>
    <border>
      <left style="thin">
        <color indexed="64"/>
      </left>
      <right style="thin">
        <color indexed="64"/>
      </right>
      <top style="thin">
        <color indexed="64"/>
      </top>
      <bottom style="hair">
        <color indexed="64"/>
      </bottom>
      <diagonal/>
    </border>
    <border>
      <left/>
      <right style="hair">
        <color indexed="64"/>
      </right>
      <top style="thin">
        <color indexed="64"/>
      </top>
      <bottom style="thin">
        <color indexed="64"/>
      </bottom>
      <diagonal/>
    </border>
  </borders>
  <cellStyleXfs count="5">
    <xf numFmtId="0" fontId="0" fillId="0" borderId="0">
      <alignment vertical="center"/>
    </xf>
    <xf numFmtId="38" fontId="2" fillId="0" borderId="0" applyFont="0" applyFill="0" applyBorder="0" applyAlignment="0" applyProtection="0">
      <alignment vertical="center"/>
    </xf>
    <xf numFmtId="0" fontId="2" fillId="0" borderId="0"/>
    <xf numFmtId="0" fontId="14" fillId="0" borderId="0" applyNumberFormat="0" applyFill="0" applyBorder="0" applyAlignment="0" applyProtection="0">
      <alignment vertical="top"/>
      <protection locked="0"/>
    </xf>
    <xf numFmtId="0" fontId="16" fillId="0" borderId="0" applyNumberFormat="0" applyFill="0" applyBorder="0" applyAlignment="0" applyProtection="0">
      <alignment vertical="center"/>
    </xf>
  </cellStyleXfs>
  <cellXfs count="134">
    <xf numFmtId="0" fontId="0" fillId="0" borderId="0" xfId="0">
      <alignment vertical="center"/>
    </xf>
    <xf numFmtId="0" fontId="4" fillId="0" borderId="0" xfId="0" applyFont="1" applyAlignment="1">
      <alignment horizontal="center" vertical="center"/>
    </xf>
    <xf numFmtId="0" fontId="4" fillId="0" borderId="0" xfId="0" applyFont="1">
      <alignment vertical="center"/>
    </xf>
    <xf numFmtId="0" fontId="8" fillId="3" borderId="2" xfId="0" applyFont="1" applyFill="1" applyBorder="1">
      <alignment vertical="center"/>
    </xf>
    <xf numFmtId="0" fontId="8" fillId="3" borderId="3" xfId="0" applyFont="1" applyFill="1" applyBorder="1">
      <alignment vertical="center"/>
    </xf>
    <xf numFmtId="0" fontId="4" fillId="3" borderId="0" xfId="0" applyFont="1" applyFill="1">
      <alignment vertical="center"/>
    </xf>
    <xf numFmtId="0" fontId="4" fillId="3" borderId="0" xfId="0" applyFont="1" applyFill="1" applyAlignment="1">
      <alignment horizontal="center" vertical="center"/>
    </xf>
    <xf numFmtId="0" fontId="4" fillId="0" borderId="3" xfId="0" applyFont="1" applyBorder="1" applyAlignment="1">
      <alignment horizontal="left" vertical="center"/>
    </xf>
    <xf numFmtId="0" fontId="4" fillId="3" borderId="11" xfId="0" applyFont="1" applyFill="1" applyBorder="1">
      <alignment vertical="center"/>
    </xf>
    <xf numFmtId="0" fontId="4" fillId="3" borderId="0" xfId="0" applyFont="1" applyFill="1" applyAlignment="1">
      <alignment horizontal="left" vertical="center"/>
    </xf>
    <xf numFmtId="0" fontId="4" fillId="3" borderId="19" xfId="0" applyFont="1" applyFill="1" applyBorder="1" applyAlignment="1">
      <alignment horizontal="center" vertical="center"/>
    </xf>
    <xf numFmtId="0" fontId="8" fillId="3" borderId="6" xfId="0" applyFont="1" applyFill="1" applyBorder="1" applyAlignment="1">
      <alignment vertical="center" wrapText="1"/>
    </xf>
    <xf numFmtId="0" fontId="8" fillId="3" borderId="7" xfId="0" applyFont="1" applyFill="1" applyBorder="1" applyAlignment="1">
      <alignment vertical="center" wrapText="1"/>
    </xf>
    <xf numFmtId="0" fontId="9" fillId="3" borderId="0" xfId="0" applyFont="1" applyFill="1">
      <alignment vertical="center"/>
    </xf>
    <xf numFmtId="0" fontId="8" fillId="3" borderId="0" xfId="0" applyFont="1" applyFill="1">
      <alignment vertical="center"/>
    </xf>
    <xf numFmtId="0" fontId="8" fillId="3" borderId="10" xfId="0" applyFont="1" applyFill="1" applyBorder="1" applyAlignment="1">
      <alignment vertical="center" wrapText="1"/>
    </xf>
    <xf numFmtId="0" fontId="8" fillId="3" borderId="11" xfId="0" applyFont="1" applyFill="1" applyBorder="1" applyAlignment="1">
      <alignment vertical="center" wrapText="1"/>
    </xf>
    <xf numFmtId="0" fontId="4" fillId="0" borderId="0" xfId="0" applyFont="1" applyAlignment="1">
      <alignment vertical="top"/>
    </xf>
    <xf numFmtId="0" fontId="9" fillId="3" borderId="7" xfId="0" applyFont="1" applyFill="1" applyBorder="1">
      <alignment vertical="center"/>
    </xf>
    <xf numFmtId="0" fontId="8" fillId="3" borderId="4" xfId="0" applyFont="1" applyFill="1" applyBorder="1">
      <alignment vertical="center"/>
    </xf>
    <xf numFmtId="0" fontId="9" fillId="3" borderId="11" xfId="0" applyFont="1" applyFill="1" applyBorder="1">
      <alignment vertical="center"/>
    </xf>
    <xf numFmtId="0" fontId="4" fillId="3" borderId="7" xfId="0" applyFont="1" applyFill="1" applyBorder="1">
      <alignment vertical="center"/>
    </xf>
    <xf numFmtId="0" fontId="4" fillId="3" borderId="14" xfId="0" applyFont="1" applyFill="1" applyBorder="1">
      <alignment vertical="center"/>
    </xf>
    <xf numFmtId="0" fontId="4" fillId="3" borderId="5" xfId="0" applyFont="1" applyFill="1" applyBorder="1">
      <alignment vertical="center"/>
    </xf>
    <xf numFmtId="0" fontId="4" fillId="3" borderId="8" xfId="0" applyFont="1" applyFill="1" applyBorder="1">
      <alignment vertical="center"/>
    </xf>
    <xf numFmtId="0" fontId="11" fillId="0" borderId="0" xfId="0" applyFont="1">
      <alignment vertical="center"/>
    </xf>
    <xf numFmtId="0" fontId="5" fillId="3" borderId="0" xfId="0" applyFont="1" applyFill="1" applyAlignment="1">
      <alignment horizontal="center" vertical="center" shrinkToFit="1"/>
    </xf>
    <xf numFmtId="0" fontId="5" fillId="3" borderId="0" xfId="0" applyFont="1" applyFill="1">
      <alignment vertical="center"/>
    </xf>
    <xf numFmtId="0" fontId="6" fillId="3" borderId="0" xfId="0" applyFont="1" applyFill="1" applyAlignment="1">
      <alignment horizontal="right" vertical="center"/>
    </xf>
    <xf numFmtId="0" fontId="10" fillId="0" borderId="15" xfId="0" applyFont="1" applyBorder="1">
      <alignment vertical="center"/>
    </xf>
    <xf numFmtId="38" fontId="6" fillId="3" borderId="2" xfId="1" applyFont="1" applyFill="1" applyBorder="1" applyAlignment="1">
      <alignment horizontal="left" vertical="center"/>
    </xf>
    <xf numFmtId="38" fontId="6" fillId="3" borderId="3" xfId="1" applyFont="1" applyFill="1" applyBorder="1" applyAlignment="1">
      <alignment horizontal="left" vertical="center"/>
    </xf>
    <xf numFmtId="0" fontId="4" fillId="3" borderId="0" xfId="0" applyFont="1" applyFill="1" applyAlignment="1">
      <alignment vertical="top"/>
    </xf>
    <xf numFmtId="0" fontId="4" fillId="2" borderId="7" xfId="0" applyFont="1" applyFill="1" applyBorder="1" applyAlignment="1">
      <alignment vertical="center" wrapText="1"/>
    </xf>
    <xf numFmtId="0" fontId="4" fillId="2" borderId="0" xfId="0" applyFont="1" applyFill="1" applyAlignment="1">
      <alignment vertical="center" wrapText="1"/>
    </xf>
    <xf numFmtId="0" fontId="4" fillId="5" borderId="12" xfId="0" applyFont="1" applyFill="1" applyBorder="1" applyAlignment="1">
      <alignment horizontal="center" vertical="center" wrapText="1"/>
    </xf>
    <xf numFmtId="0" fontId="4" fillId="5" borderId="13" xfId="0" applyFont="1" applyFill="1" applyBorder="1" applyAlignment="1">
      <alignment horizontal="center" vertical="center" wrapText="1"/>
    </xf>
    <xf numFmtId="0" fontId="4" fillId="5" borderId="9" xfId="0" applyFont="1" applyFill="1" applyBorder="1" applyAlignment="1">
      <alignment horizontal="center" vertical="center" wrapText="1"/>
    </xf>
    <xf numFmtId="0" fontId="4" fillId="5" borderId="13" xfId="0" applyFont="1" applyFill="1" applyBorder="1" applyAlignment="1">
      <alignment horizontal="center" vertical="center"/>
    </xf>
    <xf numFmtId="0" fontId="4" fillId="5" borderId="6" xfId="0" applyFont="1" applyFill="1" applyBorder="1" applyAlignment="1">
      <alignment horizontal="center" vertical="center"/>
    </xf>
    <xf numFmtId="0" fontId="4" fillId="5" borderId="20" xfId="0" applyFont="1" applyFill="1" applyBorder="1" applyAlignment="1">
      <alignment horizontal="center" vertical="center"/>
    </xf>
    <xf numFmtId="0" fontId="4" fillId="5" borderId="9" xfId="0" applyFont="1" applyFill="1" applyBorder="1" applyAlignment="1">
      <alignment horizontal="center" vertical="center"/>
    </xf>
    <xf numFmtId="0" fontId="4" fillId="6" borderId="11" xfId="0" applyFont="1" applyFill="1" applyBorder="1">
      <alignment vertical="center"/>
    </xf>
    <xf numFmtId="38" fontId="8" fillId="5" borderId="1" xfId="1" applyFont="1" applyFill="1" applyBorder="1" applyAlignment="1">
      <alignment horizontal="center" vertical="center" wrapText="1"/>
    </xf>
    <xf numFmtId="0" fontId="12" fillId="7" borderId="17" xfId="0" applyFont="1" applyFill="1" applyBorder="1" applyAlignment="1">
      <alignment horizontal="center" vertical="center"/>
    </xf>
    <xf numFmtId="0" fontId="15" fillId="0" borderId="0" xfId="0" applyFont="1">
      <alignment vertical="center"/>
    </xf>
    <xf numFmtId="0" fontId="4" fillId="5" borderId="12" xfId="0" applyFont="1" applyFill="1" applyBorder="1" applyAlignment="1">
      <alignment horizontal="center" vertical="center" wrapText="1"/>
    </xf>
    <xf numFmtId="0" fontId="4" fillId="5" borderId="18" xfId="0" applyFont="1" applyFill="1" applyBorder="1" applyAlignment="1">
      <alignment horizontal="center" vertical="center" wrapText="1"/>
    </xf>
    <xf numFmtId="0" fontId="4" fillId="5" borderId="13" xfId="0" applyFont="1" applyFill="1" applyBorder="1" applyAlignment="1">
      <alignment horizontal="center" vertical="center" wrapText="1"/>
    </xf>
    <xf numFmtId="0" fontId="10" fillId="3" borderId="1" xfId="0" applyFont="1" applyFill="1" applyBorder="1" applyAlignment="1">
      <alignment horizontal="left" vertical="center" wrapText="1"/>
    </xf>
    <xf numFmtId="0" fontId="10" fillId="3" borderId="2" xfId="0" applyFont="1" applyFill="1" applyBorder="1" applyAlignment="1">
      <alignment horizontal="left" vertical="center" wrapText="1"/>
    </xf>
    <xf numFmtId="0" fontId="10" fillId="3" borderId="3" xfId="0" applyFont="1" applyFill="1" applyBorder="1" applyAlignment="1">
      <alignment horizontal="left" vertical="center" wrapText="1"/>
    </xf>
    <xf numFmtId="0" fontId="8" fillId="0" borderId="1" xfId="0" applyFont="1" applyBorder="1" applyAlignment="1">
      <alignment horizontal="left" vertical="center" wrapText="1"/>
    </xf>
    <xf numFmtId="0" fontId="8" fillId="0" borderId="2" xfId="0" applyFont="1" applyBorder="1" applyAlignment="1">
      <alignment horizontal="left" vertical="center" wrapText="1"/>
    </xf>
    <xf numFmtId="0" fontId="8" fillId="0" borderId="3" xfId="0" applyFont="1" applyBorder="1" applyAlignment="1">
      <alignment horizontal="left" vertical="center" wrapText="1"/>
    </xf>
    <xf numFmtId="0" fontId="4" fillId="3" borderId="0" xfId="0" applyFont="1" applyFill="1" applyAlignment="1">
      <alignment horizontal="left" vertical="center"/>
    </xf>
    <xf numFmtId="0" fontId="4" fillId="3" borderId="14" xfId="0" applyFont="1" applyFill="1" applyBorder="1" applyAlignment="1">
      <alignment horizontal="left" vertical="center"/>
    </xf>
    <xf numFmtId="38" fontId="8" fillId="0" borderId="1" xfId="1" applyFont="1" applyFill="1" applyBorder="1" applyAlignment="1">
      <alignment horizontal="left" vertical="center" wrapText="1"/>
    </xf>
    <xf numFmtId="38" fontId="8" fillId="0" borderId="2" xfId="1" applyFont="1" applyFill="1" applyBorder="1" applyAlignment="1">
      <alignment horizontal="left" vertical="center" wrapText="1"/>
    </xf>
    <xf numFmtId="38" fontId="8" fillId="0" borderId="3" xfId="1" applyFont="1" applyFill="1" applyBorder="1" applyAlignment="1">
      <alignment horizontal="left" vertical="center" wrapText="1"/>
    </xf>
    <xf numFmtId="0" fontId="9" fillId="7" borderId="1" xfId="0" applyFont="1" applyFill="1" applyBorder="1" applyAlignment="1">
      <alignment horizontal="center" vertical="center"/>
    </xf>
    <xf numFmtId="0" fontId="9" fillId="7" borderId="2" xfId="0" applyFont="1" applyFill="1" applyBorder="1" applyAlignment="1">
      <alignment horizontal="center" vertical="center"/>
    </xf>
    <xf numFmtId="0" fontId="9" fillId="7" borderId="3" xfId="0" applyFont="1" applyFill="1" applyBorder="1" applyAlignment="1">
      <alignment horizontal="center" vertical="center"/>
    </xf>
    <xf numFmtId="0" fontId="4" fillId="7" borderId="1" xfId="0" applyFont="1" applyFill="1" applyBorder="1" applyAlignment="1">
      <alignment horizontal="center" vertical="center" wrapText="1"/>
    </xf>
    <xf numFmtId="0" fontId="4" fillId="7" borderId="2" xfId="0" applyFont="1" applyFill="1" applyBorder="1" applyAlignment="1">
      <alignment horizontal="center" vertical="center" wrapText="1"/>
    </xf>
    <xf numFmtId="0" fontId="4" fillId="7" borderId="3" xfId="0" applyFont="1" applyFill="1" applyBorder="1" applyAlignment="1">
      <alignment horizontal="center" vertical="center" wrapText="1"/>
    </xf>
    <xf numFmtId="0" fontId="10" fillId="3" borderId="6" xfId="0" applyFont="1" applyFill="1" applyBorder="1" applyAlignment="1">
      <alignment horizontal="center" vertical="center" wrapText="1"/>
    </xf>
    <xf numFmtId="0" fontId="10" fillId="3" borderId="7" xfId="0" applyFont="1" applyFill="1" applyBorder="1" applyAlignment="1">
      <alignment horizontal="center" vertical="center" wrapText="1"/>
    </xf>
    <xf numFmtId="0" fontId="10" fillId="3" borderId="8" xfId="0" applyFont="1" applyFill="1" applyBorder="1" applyAlignment="1">
      <alignment horizontal="center" vertical="center" wrapText="1"/>
    </xf>
    <xf numFmtId="0" fontId="10" fillId="3" borderId="4" xfId="0" applyFont="1" applyFill="1" applyBorder="1" applyAlignment="1">
      <alignment horizontal="center" vertical="center" wrapText="1"/>
    </xf>
    <xf numFmtId="0" fontId="10" fillId="3" borderId="0" xfId="0" applyFont="1" applyFill="1" applyAlignment="1">
      <alignment horizontal="center" vertical="center" wrapText="1"/>
    </xf>
    <xf numFmtId="0" fontId="10" fillId="3" borderId="14" xfId="0" applyFont="1" applyFill="1" applyBorder="1" applyAlignment="1">
      <alignment horizontal="center" vertical="center" wrapText="1"/>
    </xf>
    <xf numFmtId="0" fontId="4" fillId="0" borderId="1" xfId="0" applyFont="1" applyBorder="1">
      <alignment vertical="center"/>
    </xf>
    <xf numFmtId="0" fontId="4" fillId="0" borderId="2" xfId="0" applyFont="1" applyBorder="1">
      <alignment vertical="center"/>
    </xf>
    <xf numFmtId="0" fontId="6" fillId="0" borderId="1" xfId="0" applyFont="1" applyBorder="1" applyAlignment="1">
      <alignment horizontal="center" vertical="center"/>
    </xf>
    <xf numFmtId="0" fontId="6" fillId="0" borderId="2" xfId="0" applyFont="1" applyBorder="1" applyAlignment="1">
      <alignment horizontal="center" vertical="center"/>
    </xf>
    <xf numFmtId="0" fontId="6" fillId="0" borderId="3" xfId="0" applyFont="1" applyBorder="1" applyAlignment="1">
      <alignment horizontal="center" vertical="center"/>
    </xf>
    <xf numFmtId="0" fontId="4" fillId="5" borderId="9" xfId="0" applyFont="1" applyFill="1" applyBorder="1" applyAlignment="1">
      <alignment horizontal="center" vertical="center"/>
    </xf>
    <xf numFmtId="0" fontId="4" fillId="0" borderId="1" xfId="0" applyFont="1" applyBorder="1" applyAlignment="1">
      <alignment horizontal="left" vertical="center"/>
    </xf>
    <xf numFmtId="0" fontId="4" fillId="0" borderId="2" xfId="0" applyFont="1" applyBorder="1" applyAlignment="1">
      <alignment horizontal="left" vertical="center"/>
    </xf>
    <xf numFmtId="0" fontId="4" fillId="0" borderId="3" xfId="0" applyFont="1" applyBorder="1" applyAlignment="1">
      <alignment horizontal="left" vertical="center"/>
    </xf>
    <xf numFmtId="0" fontId="8" fillId="3" borderId="0" xfId="0" applyFont="1" applyFill="1" applyAlignment="1">
      <alignment horizontal="center" vertical="center"/>
    </xf>
    <xf numFmtId="38" fontId="6" fillId="3" borderId="9" xfId="1" applyFont="1" applyFill="1" applyBorder="1" applyAlignment="1">
      <alignment horizontal="left" vertical="center"/>
    </xf>
    <xf numFmtId="38" fontId="6" fillId="3" borderId="1" xfId="1" applyFont="1" applyFill="1" applyBorder="1" applyAlignment="1">
      <alignment horizontal="left" vertical="center"/>
    </xf>
    <xf numFmtId="0" fontId="7" fillId="0" borderId="20" xfId="0" applyFont="1" applyBorder="1">
      <alignment vertical="center"/>
    </xf>
    <xf numFmtId="0" fontId="13" fillId="0" borderId="13" xfId="0" applyFont="1" applyBorder="1" applyAlignment="1">
      <alignment vertical="top"/>
    </xf>
    <xf numFmtId="0" fontId="8" fillId="0" borderId="20" xfId="0" applyFont="1" applyBorder="1">
      <alignment vertical="center"/>
    </xf>
    <xf numFmtId="0" fontId="13" fillId="0" borderId="13" xfId="0" applyFont="1" applyBorder="1">
      <alignment vertical="center"/>
    </xf>
    <xf numFmtId="0" fontId="4" fillId="0" borderId="9" xfId="0" applyFont="1" applyBorder="1" applyAlignment="1">
      <alignment horizontal="left" vertical="center"/>
    </xf>
    <xf numFmtId="0" fontId="8" fillId="3" borderId="2" xfId="0" applyFont="1" applyFill="1" applyBorder="1" applyAlignment="1">
      <alignment horizontal="center" vertical="center"/>
    </xf>
    <xf numFmtId="0" fontId="4" fillId="3" borderId="1" xfId="0" applyFont="1" applyFill="1" applyBorder="1" applyAlignment="1">
      <alignment horizontal="center" vertical="center"/>
    </xf>
    <xf numFmtId="0" fontId="4" fillId="3" borderId="2" xfId="0" applyFont="1" applyFill="1" applyBorder="1" applyAlignment="1">
      <alignment horizontal="center" vertical="center"/>
    </xf>
    <xf numFmtId="0" fontId="4" fillId="5" borderId="9" xfId="0" applyFont="1" applyFill="1" applyBorder="1" applyAlignment="1">
      <alignment horizontal="center" vertical="center" wrapText="1"/>
    </xf>
    <xf numFmtId="0" fontId="4" fillId="4" borderId="2" xfId="0" applyFont="1" applyFill="1" applyBorder="1" applyAlignment="1">
      <alignment horizontal="center" vertical="center"/>
    </xf>
    <xf numFmtId="0" fontId="4" fillId="4" borderId="3" xfId="0" applyFont="1" applyFill="1" applyBorder="1" applyAlignment="1">
      <alignment horizontal="center" vertical="center"/>
    </xf>
    <xf numFmtId="0" fontId="4" fillId="5" borderId="1" xfId="0" applyFont="1" applyFill="1" applyBorder="1" applyAlignment="1">
      <alignment horizontal="center" vertical="center"/>
    </xf>
    <xf numFmtId="0" fontId="4" fillId="5" borderId="2" xfId="0" applyFont="1" applyFill="1" applyBorder="1" applyAlignment="1">
      <alignment horizontal="center" vertical="center"/>
    </xf>
    <xf numFmtId="0" fontId="4" fillId="5" borderId="3" xfId="0" applyFont="1" applyFill="1" applyBorder="1" applyAlignment="1">
      <alignment horizontal="center" vertical="center"/>
    </xf>
    <xf numFmtId="0" fontId="4" fillId="3" borderId="4" xfId="0" applyFont="1" applyFill="1" applyBorder="1" applyAlignment="1">
      <alignment horizontal="center" vertical="center"/>
    </xf>
    <xf numFmtId="0" fontId="4" fillId="3" borderId="0" xfId="0" applyFont="1" applyFill="1" applyAlignment="1">
      <alignment horizontal="center" vertical="center"/>
    </xf>
    <xf numFmtId="0" fontId="4" fillId="3" borderId="14" xfId="0" applyFont="1" applyFill="1" applyBorder="1" applyAlignment="1">
      <alignment horizontal="center" vertical="center"/>
    </xf>
    <xf numFmtId="0" fontId="4" fillId="3" borderId="10" xfId="0" applyFont="1" applyFill="1" applyBorder="1" applyAlignment="1">
      <alignment horizontal="center" vertical="center"/>
    </xf>
    <xf numFmtId="0" fontId="4" fillId="3" borderId="11" xfId="0" applyFont="1" applyFill="1" applyBorder="1" applyAlignment="1">
      <alignment horizontal="center" vertical="center"/>
    </xf>
    <xf numFmtId="0" fontId="4" fillId="3" borderId="5" xfId="0" applyFont="1" applyFill="1" applyBorder="1" applyAlignment="1">
      <alignment horizontal="center" vertical="center"/>
    </xf>
    <xf numFmtId="0" fontId="6" fillId="0" borderId="21" xfId="0" applyFont="1" applyBorder="1" applyAlignment="1">
      <alignment horizontal="center" vertical="center"/>
    </xf>
    <xf numFmtId="0" fontId="4" fillId="0" borderId="16" xfId="0" applyFont="1" applyBorder="1" applyAlignment="1">
      <alignment horizontal="center" vertical="center"/>
    </xf>
    <xf numFmtId="0" fontId="4" fillId="0" borderId="2" xfId="0" applyFont="1" applyBorder="1" applyAlignment="1">
      <alignment horizontal="center" vertical="center"/>
    </xf>
    <xf numFmtId="0" fontId="4" fillId="0" borderId="3" xfId="0" applyFont="1" applyBorder="1" applyAlignment="1">
      <alignment horizontal="center" vertical="center"/>
    </xf>
    <xf numFmtId="0" fontId="4" fillId="5" borderId="1" xfId="0" applyFont="1" applyFill="1" applyBorder="1" applyAlignment="1">
      <alignment horizontal="left" vertical="center"/>
    </xf>
    <xf numFmtId="0" fontId="4" fillId="5" borderId="2" xfId="0" applyFont="1" applyFill="1" applyBorder="1" applyAlignment="1">
      <alignment horizontal="left" vertical="center"/>
    </xf>
    <xf numFmtId="0" fontId="4" fillId="5" borderId="3" xfId="0" applyFont="1" applyFill="1" applyBorder="1" applyAlignment="1">
      <alignment horizontal="left" vertical="center"/>
    </xf>
    <xf numFmtId="0" fontId="5" fillId="7" borderId="1" xfId="0" applyFont="1" applyFill="1" applyBorder="1" applyAlignment="1">
      <alignment horizontal="center" vertical="center"/>
    </xf>
    <xf numFmtId="0" fontId="5" fillId="7" borderId="2" xfId="0" applyFont="1" applyFill="1" applyBorder="1" applyAlignment="1">
      <alignment horizontal="center" vertical="center"/>
    </xf>
    <xf numFmtId="0" fontId="5" fillId="7" borderId="3" xfId="0" applyFont="1" applyFill="1" applyBorder="1" applyAlignment="1">
      <alignment horizontal="center" vertical="center"/>
    </xf>
    <xf numFmtId="0" fontId="8" fillId="0" borderId="2" xfId="0" applyFont="1" applyBorder="1" applyAlignment="1">
      <alignment horizontal="center" vertical="center"/>
    </xf>
    <xf numFmtId="0" fontId="8" fillId="0" borderId="3" xfId="0" applyFont="1" applyBorder="1" applyAlignment="1">
      <alignment horizontal="center" vertical="center"/>
    </xf>
    <xf numFmtId="0" fontId="8" fillId="3" borderId="1" xfId="0" applyFont="1" applyFill="1" applyBorder="1" applyAlignment="1">
      <alignment horizontal="left" vertical="center" wrapText="1"/>
    </xf>
    <xf numFmtId="0" fontId="8" fillId="3" borderId="2" xfId="0" applyFont="1" applyFill="1" applyBorder="1" applyAlignment="1">
      <alignment horizontal="left" vertical="center" wrapText="1"/>
    </xf>
    <xf numFmtId="0" fontId="8" fillId="3" borderId="3" xfId="0" applyFont="1" applyFill="1" applyBorder="1" applyAlignment="1">
      <alignment horizontal="left" vertical="center" wrapText="1"/>
    </xf>
    <xf numFmtId="38" fontId="8" fillId="3" borderId="16" xfId="1" applyFont="1" applyFill="1" applyBorder="1" applyAlignment="1">
      <alignment horizontal="center" vertical="center" wrapText="1"/>
    </xf>
    <xf numFmtId="38" fontId="8" fillId="3" borderId="2" xfId="1" applyFont="1" applyFill="1" applyBorder="1" applyAlignment="1">
      <alignment horizontal="center" vertical="center" wrapText="1"/>
    </xf>
    <xf numFmtId="38" fontId="8" fillId="3" borderId="3" xfId="1" applyFont="1" applyFill="1" applyBorder="1" applyAlignment="1">
      <alignment horizontal="center" vertical="center" wrapText="1"/>
    </xf>
    <xf numFmtId="0" fontId="9" fillId="3" borderId="1" xfId="0" applyFont="1" applyFill="1" applyBorder="1" applyAlignment="1">
      <alignment horizontal="center" vertical="center"/>
    </xf>
    <xf numFmtId="0" fontId="9" fillId="3" borderId="2" xfId="0" applyFont="1" applyFill="1" applyBorder="1" applyAlignment="1">
      <alignment horizontal="center" vertical="center"/>
    </xf>
    <xf numFmtId="0" fontId="9" fillId="3" borderId="3" xfId="0" applyFont="1" applyFill="1" applyBorder="1" applyAlignment="1">
      <alignment horizontal="center" vertical="center"/>
    </xf>
    <xf numFmtId="38" fontId="8" fillId="7" borderId="1" xfId="1" applyFont="1" applyFill="1" applyBorder="1" applyAlignment="1">
      <alignment horizontal="center" vertical="center"/>
    </xf>
    <xf numFmtId="38" fontId="8" fillId="7" borderId="2" xfId="1" applyFont="1" applyFill="1" applyBorder="1" applyAlignment="1">
      <alignment horizontal="center" vertical="center"/>
    </xf>
    <xf numFmtId="38" fontId="8" fillId="7" borderId="21" xfId="1" applyFont="1" applyFill="1" applyBorder="1" applyAlignment="1">
      <alignment horizontal="center" vertical="center"/>
    </xf>
    <xf numFmtId="0" fontId="4" fillId="5" borderId="1" xfId="0" applyFont="1" applyFill="1" applyBorder="1" applyAlignment="1">
      <alignment horizontal="center" vertical="center" wrapText="1"/>
    </xf>
    <xf numFmtId="0" fontId="4" fillId="5" borderId="2" xfId="0" applyFont="1" applyFill="1" applyBorder="1" applyAlignment="1">
      <alignment horizontal="center" vertical="center" wrapText="1"/>
    </xf>
    <xf numFmtId="0" fontId="4" fillId="5" borderId="3" xfId="0" applyFont="1" applyFill="1" applyBorder="1" applyAlignment="1">
      <alignment horizontal="center" vertical="center" wrapText="1"/>
    </xf>
    <xf numFmtId="0" fontId="4" fillId="7" borderId="1" xfId="0" applyFont="1" applyFill="1" applyBorder="1" applyAlignment="1">
      <alignment horizontal="center" vertical="center"/>
    </xf>
    <xf numFmtId="0" fontId="4" fillId="7" borderId="2" xfId="0" applyFont="1" applyFill="1" applyBorder="1" applyAlignment="1">
      <alignment horizontal="center" vertical="center"/>
    </xf>
    <xf numFmtId="0" fontId="4" fillId="7" borderId="3" xfId="0" applyFont="1" applyFill="1" applyBorder="1" applyAlignment="1">
      <alignment horizontal="center" vertical="center"/>
    </xf>
  </cellXfs>
  <cellStyles count="5">
    <cellStyle name="Hyperlink" xfId="4" xr:uid="{00000000-000B-0000-0000-000008000000}"/>
    <cellStyle name="ハイパーリンク 2" xfId="3" xr:uid="{C7F45C5A-BDA7-41C4-98C8-22E1CBF69D54}"/>
    <cellStyle name="桁区切り" xfId="1" builtinId="6"/>
    <cellStyle name="標準" xfId="0" builtinId="0"/>
    <cellStyle name="標準 2" xfId="2" xr:uid="{47CB4C5E-517F-4300-80E6-C21C4D4F567D}"/>
  </cellStyles>
  <dxfs count="0"/>
  <tableStyles count="0" defaultTableStyle="TableStyleMedium2" defaultPivotStyle="PivotStyleLight16"/>
  <colors>
    <mruColors>
      <color rgb="FFE7EFFF"/>
      <color rgb="FFFFEFEF"/>
      <color rgb="FF003399"/>
      <color rgb="FFFFE5E5"/>
      <color rgb="FFCCFFCC"/>
      <color rgb="FFFFFF99"/>
      <color rgb="FF0000FF"/>
      <color rgb="FF2F528F"/>
      <color rgb="FFE9EDF7"/>
      <color rgb="FFB2C1E4"/>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GBox" noThreeD="1"/>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17</xdr:col>
      <xdr:colOff>84259</xdr:colOff>
      <xdr:row>3</xdr:row>
      <xdr:rowOff>198874</xdr:rowOff>
    </xdr:from>
    <xdr:to>
      <xdr:col>28</xdr:col>
      <xdr:colOff>251207</xdr:colOff>
      <xdr:row>10</xdr:row>
      <xdr:rowOff>345411</xdr:rowOff>
    </xdr:to>
    <xdr:sp macro="" textlink="">
      <xdr:nvSpPr>
        <xdr:cNvPr id="3" name="Rectangle 2">
          <a:extLst>
            <a:ext uri="{FF2B5EF4-FFF2-40B4-BE49-F238E27FC236}">
              <a16:creationId xmlns:a16="http://schemas.microsoft.com/office/drawing/2014/main" id="{00000000-0008-0000-0100-000003000000}"/>
            </a:ext>
          </a:extLst>
        </xdr:cNvPr>
        <xdr:cNvSpPr>
          <a:spLocks noChangeArrowheads="1"/>
        </xdr:cNvSpPr>
      </xdr:nvSpPr>
      <xdr:spPr bwMode="auto">
        <a:xfrm>
          <a:off x="6238874" y="1894533"/>
          <a:ext cx="3736207" cy="3569257"/>
        </a:xfrm>
        <a:prstGeom prst="rect">
          <a:avLst/>
        </a:prstGeom>
        <a:noFill/>
        <a:ln w="317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xdr:spPr>
    </xdr:sp>
    <xdr:clientData/>
  </xdr:twoCellAnchor>
  <mc:AlternateContent xmlns:mc="http://schemas.openxmlformats.org/markup-compatibility/2006">
    <mc:Choice xmlns:a14="http://schemas.microsoft.com/office/drawing/2010/main" Requires="a14">
      <xdr:twoCellAnchor editAs="oneCell">
        <xdr:from>
          <xdr:col>36</xdr:col>
          <xdr:colOff>203200</xdr:colOff>
          <xdr:row>16</xdr:row>
          <xdr:rowOff>0</xdr:rowOff>
        </xdr:from>
        <xdr:to>
          <xdr:col>38</xdr:col>
          <xdr:colOff>527050</xdr:colOff>
          <xdr:row>17</xdr:row>
          <xdr:rowOff>88900</xdr:rowOff>
        </xdr:to>
        <xdr:sp macro="" textlink="">
          <xdr:nvSpPr>
            <xdr:cNvPr id="17459" name="Group Box 51" hidden="1">
              <a:extLst>
                <a:ext uri="{63B3BB69-23CF-44E3-9099-C40C66FF867C}">
                  <a14:compatExt spid="_x0000_s17459"/>
                </a:ext>
                <a:ext uri="{FF2B5EF4-FFF2-40B4-BE49-F238E27FC236}">
                  <a16:creationId xmlns:a16="http://schemas.microsoft.com/office/drawing/2014/main" id="{00000000-0008-0000-0100-0000334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xdr:twoCellAnchor editAs="oneCell">
    <xdr:from>
      <xdr:col>25</xdr:col>
      <xdr:colOff>177939</xdr:colOff>
      <xdr:row>0</xdr:row>
      <xdr:rowOff>29997</xdr:rowOff>
    </xdr:from>
    <xdr:to>
      <xdr:col>28</xdr:col>
      <xdr:colOff>149038</xdr:colOff>
      <xdr:row>1</xdr:row>
      <xdr:rowOff>62801</xdr:rowOff>
    </xdr:to>
    <xdr:pic>
      <xdr:nvPicPr>
        <xdr:cNvPr id="2" name="図 1">
          <a:extLst>
            <a:ext uri="{FF2B5EF4-FFF2-40B4-BE49-F238E27FC236}">
              <a16:creationId xmlns:a16="http://schemas.microsoft.com/office/drawing/2014/main" id="{00000000-0008-0000-01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441263" y="29997"/>
          <a:ext cx="944533" cy="608491"/>
        </a:xfrm>
        <a:prstGeom prst="rect">
          <a:avLst/>
        </a:prstGeom>
        <a:noFill/>
        <a:ln>
          <a:solidFill>
            <a:schemeClr val="bg1"/>
          </a:solidFill>
        </a:ln>
      </xdr:spPr>
    </xdr:pic>
    <xdr:clientData/>
  </xdr:twoCellAnchor>
</xdr:wsDr>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AC48"/>
  <sheetViews>
    <sheetView tabSelected="1" view="pageBreakPreview" zoomScale="91" zoomScaleNormal="77" zoomScaleSheetLayoutView="91" zoomScalePageLayoutView="70" workbookViewId="0">
      <selection sqref="A1:F1"/>
    </sheetView>
  </sheetViews>
  <sheetFormatPr defaultRowHeight="11.5" x14ac:dyDescent="0.2"/>
  <cols>
    <col min="1" max="1" width="14.453125" style="1" customWidth="1"/>
    <col min="2" max="2" width="14.6328125" style="1" customWidth="1"/>
    <col min="3" max="4" width="4" style="2" customWidth="1"/>
    <col min="5" max="7" width="4" style="1" customWidth="1"/>
    <col min="8" max="11" width="4" style="2" customWidth="1"/>
    <col min="12" max="14" width="4.26953125" style="2" customWidth="1"/>
    <col min="15" max="15" width="1.26953125" style="2" customWidth="1"/>
    <col min="16" max="31" width="4.26953125" style="2" customWidth="1"/>
    <col min="32" max="258" width="9" style="2"/>
    <col min="259" max="259" width="13.26953125" style="2" customWidth="1"/>
    <col min="260" max="260" width="17.08984375" style="2" customWidth="1"/>
    <col min="261" max="261" width="8.453125" style="2" customWidth="1"/>
    <col min="262" max="262" width="16.453125" style="2" customWidth="1"/>
    <col min="263" max="263" width="17.453125" style="2" customWidth="1"/>
    <col min="264" max="264" width="9.7265625" style="2" customWidth="1"/>
    <col min="265" max="265" width="9.90625" style="2" customWidth="1"/>
    <col min="266" max="266" width="9" style="2"/>
    <col min="267" max="267" width="7.36328125" style="2" customWidth="1"/>
    <col min="268" max="268" width="5.26953125" style="2" customWidth="1"/>
    <col min="269" max="514" width="9" style="2"/>
    <col min="515" max="515" width="13.26953125" style="2" customWidth="1"/>
    <col min="516" max="516" width="17.08984375" style="2" customWidth="1"/>
    <col min="517" max="517" width="8.453125" style="2" customWidth="1"/>
    <col min="518" max="518" width="16.453125" style="2" customWidth="1"/>
    <col min="519" max="519" width="17.453125" style="2" customWidth="1"/>
    <col min="520" max="520" width="9.7265625" style="2" customWidth="1"/>
    <col min="521" max="521" width="9.90625" style="2" customWidth="1"/>
    <col min="522" max="522" width="9" style="2"/>
    <col min="523" max="523" width="7.36328125" style="2" customWidth="1"/>
    <col min="524" max="524" width="5.26953125" style="2" customWidth="1"/>
    <col min="525" max="770" width="9" style="2"/>
    <col min="771" max="771" width="13.26953125" style="2" customWidth="1"/>
    <col min="772" max="772" width="17.08984375" style="2" customWidth="1"/>
    <col min="773" max="773" width="8.453125" style="2" customWidth="1"/>
    <col min="774" max="774" width="16.453125" style="2" customWidth="1"/>
    <col min="775" max="775" width="17.453125" style="2" customWidth="1"/>
    <col min="776" max="776" width="9.7265625" style="2" customWidth="1"/>
    <col min="777" max="777" width="9.90625" style="2" customWidth="1"/>
    <col min="778" max="778" width="9" style="2"/>
    <col min="779" max="779" width="7.36328125" style="2" customWidth="1"/>
    <col min="780" max="780" width="5.26953125" style="2" customWidth="1"/>
    <col min="781" max="1026" width="9" style="2"/>
    <col min="1027" max="1027" width="13.26953125" style="2" customWidth="1"/>
    <col min="1028" max="1028" width="17.08984375" style="2" customWidth="1"/>
    <col min="1029" max="1029" width="8.453125" style="2" customWidth="1"/>
    <col min="1030" max="1030" width="16.453125" style="2" customWidth="1"/>
    <col min="1031" max="1031" width="17.453125" style="2" customWidth="1"/>
    <col min="1032" max="1032" width="9.7265625" style="2" customWidth="1"/>
    <col min="1033" max="1033" width="9.90625" style="2" customWidth="1"/>
    <col min="1034" max="1034" width="9" style="2"/>
    <col min="1035" max="1035" width="7.36328125" style="2" customWidth="1"/>
    <col min="1036" max="1036" width="5.26953125" style="2" customWidth="1"/>
    <col min="1037" max="1282" width="9" style="2"/>
    <col min="1283" max="1283" width="13.26953125" style="2" customWidth="1"/>
    <col min="1284" max="1284" width="17.08984375" style="2" customWidth="1"/>
    <col min="1285" max="1285" width="8.453125" style="2" customWidth="1"/>
    <col min="1286" max="1286" width="16.453125" style="2" customWidth="1"/>
    <col min="1287" max="1287" width="17.453125" style="2" customWidth="1"/>
    <col min="1288" max="1288" width="9.7265625" style="2" customWidth="1"/>
    <col min="1289" max="1289" width="9.90625" style="2" customWidth="1"/>
    <col min="1290" max="1290" width="9" style="2"/>
    <col min="1291" max="1291" width="7.36328125" style="2" customWidth="1"/>
    <col min="1292" max="1292" width="5.26953125" style="2" customWidth="1"/>
    <col min="1293" max="1538" width="9" style="2"/>
    <col min="1539" max="1539" width="13.26953125" style="2" customWidth="1"/>
    <col min="1540" max="1540" width="17.08984375" style="2" customWidth="1"/>
    <col min="1541" max="1541" width="8.453125" style="2" customWidth="1"/>
    <col min="1542" max="1542" width="16.453125" style="2" customWidth="1"/>
    <col min="1543" max="1543" width="17.453125" style="2" customWidth="1"/>
    <col min="1544" max="1544" width="9.7265625" style="2" customWidth="1"/>
    <col min="1545" max="1545" width="9.90625" style="2" customWidth="1"/>
    <col min="1546" max="1546" width="9" style="2"/>
    <col min="1547" max="1547" width="7.36328125" style="2" customWidth="1"/>
    <col min="1548" max="1548" width="5.26953125" style="2" customWidth="1"/>
    <col min="1549" max="1794" width="9" style="2"/>
    <col min="1795" max="1795" width="13.26953125" style="2" customWidth="1"/>
    <col min="1796" max="1796" width="17.08984375" style="2" customWidth="1"/>
    <col min="1797" max="1797" width="8.453125" style="2" customWidth="1"/>
    <col min="1798" max="1798" width="16.453125" style="2" customWidth="1"/>
    <col min="1799" max="1799" width="17.453125" style="2" customWidth="1"/>
    <col min="1800" max="1800" width="9.7265625" style="2" customWidth="1"/>
    <col min="1801" max="1801" width="9.90625" style="2" customWidth="1"/>
    <col min="1802" max="1802" width="9" style="2"/>
    <col min="1803" max="1803" width="7.36328125" style="2" customWidth="1"/>
    <col min="1804" max="1804" width="5.26953125" style="2" customWidth="1"/>
    <col min="1805" max="2050" width="9" style="2"/>
    <col min="2051" max="2051" width="13.26953125" style="2" customWidth="1"/>
    <col min="2052" max="2052" width="17.08984375" style="2" customWidth="1"/>
    <col min="2053" max="2053" width="8.453125" style="2" customWidth="1"/>
    <col min="2054" max="2054" width="16.453125" style="2" customWidth="1"/>
    <col min="2055" max="2055" width="17.453125" style="2" customWidth="1"/>
    <col min="2056" max="2056" width="9.7265625" style="2" customWidth="1"/>
    <col min="2057" max="2057" width="9.90625" style="2" customWidth="1"/>
    <col min="2058" max="2058" width="9" style="2"/>
    <col min="2059" max="2059" width="7.36328125" style="2" customWidth="1"/>
    <col min="2060" max="2060" width="5.26953125" style="2" customWidth="1"/>
    <col min="2061" max="2306" width="9" style="2"/>
    <col min="2307" max="2307" width="13.26953125" style="2" customWidth="1"/>
    <col min="2308" max="2308" width="17.08984375" style="2" customWidth="1"/>
    <col min="2309" max="2309" width="8.453125" style="2" customWidth="1"/>
    <col min="2310" max="2310" width="16.453125" style="2" customWidth="1"/>
    <col min="2311" max="2311" width="17.453125" style="2" customWidth="1"/>
    <col min="2312" max="2312" width="9.7265625" style="2" customWidth="1"/>
    <col min="2313" max="2313" width="9.90625" style="2" customWidth="1"/>
    <col min="2314" max="2314" width="9" style="2"/>
    <col min="2315" max="2315" width="7.36328125" style="2" customWidth="1"/>
    <col min="2316" max="2316" width="5.26953125" style="2" customWidth="1"/>
    <col min="2317" max="2562" width="9" style="2"/>
    <col min="2563" max="2563" width="13.26953125" style="2" customWidth="1"/>
    <col min="2564" max="2564" width="17.08984375" style="2" customWidth="1"/>
    <col min="2565" max="2565" width="8.453125" style="2" customWidth="1"/>
    <col min="2566" max="2566" width="16.453125" style="2" customWidth="1"/>
    <col min="2567" max="2567" width="17.453125" style="2" customWidth="1"/>
    <col min="2568" max="2568" width="9.7265625" style="2" customWidth="1"/>
    <col min="2569" max="2569" width="9.90625" style="2" customWidth="1"/>
    <col min="2570" max="2570" width="9" style="2"/>
    <col min="2571" max="2571" width="7.36328125" style="2" customWidth="1"/>
    <col min="2572" max="2572" width="5.26953125" style="2" customWidth="1"/>
    <col min="2573" max="2818" width="9" style="2"/>
    <col min="2819" max="2819" width="13.26953125" style="2" customWidth="1"/>
    <col min="2820" max="2820" width="17.08984375" style="2" customWidth="1"/>
    <col min="2821" max="2821" width="8.453125" style="2" customWidth="1"/>
    <col min="2822" max="2822" width="16.453125" style="2" customWidth="1"/>
    <col min="2823" max="2823" width="17.453125" style="2" customWidth="1"/>
    <col min="2824" max="2824" width="9.7265625" style="2" customWidth="1"/>
    <col min="2825" max="2825" width="9.90625" style="2" customWidth="1"/>
    <col min="2826" max="2826" width="9" style="2"/>
    <col min="2827" max="2827" width="7.36328125" style="2" customWidth="1"/>
    <col min="2828" max="2828" width="5.26953125" style="2" customWidth="1"/>
    <col min="2829" max="3074" width="9" style="2"/>
    <col min="3075" max="3075" width="13.26953125" style="2" customWidth="1"/>
    <col min="3076" max="3076" width="17.08984375" style="2" customWidth="1"/>
    <col min="3077" max="3077" width="8.453125" style="2" customWidth="1"/>
    <col min="3078" max="3078" width="16.453125" style="2" customWidth="1"/>
    <col min="3079" max="3079" width="17.453125" style="2" customWidth="1"/>
    <col min="3080" max="3080" width="9.7265625" style="2" customWidth="1"/>
    <col min="3081" max="3081" width="9.90625" style="2" customWidth="1"/>
    <col min="3082" max="3082" width="9" style="2"/>
    <col min="3083" max="3083" width="7.36328125" style="2" customWidth="1"/>
    <col min="3084" max="3084" width="5.26953125" style="2" customWidth="1"/>
    <col min="3085" max="3330" width="9" style="2"/>
    <col min="3331" max="3331" width="13.26953125" style="2" customWidth="1"/>
    <col min="3332" max="3332" width="17.08984375" style="2" customWidth="1"/>
    <col min="3333" max="3333" width="8.453125" style="2" customWidth="1"/>
    <col min="3334" max="3334" width="16.453125" style="2" customWidth="1"/>
    <col min="3335" max="3335" width="17.453125" style="2" customWidth="1"/>
    <col min="3336" max="3336" width="9.7265625" style="2" customWidth="1"/>
    <col min="3337" max="3337" width="9.90625" style="2" customWidth="1"/>
    <col min="3338" max="3338" width="9" style="2"/>
    <col min="3339" max="3339" width="7.36328125" style="2" customWidth="1"/>
    <col min="3340" max="3340" width="5.26953125" style="2" customWidth="1"/>
    <col min="3341" max="3586" width="9" style="2"/>
    <col min="3587" max="3587" width="13.26953125" style="2" customWidth="1"/>
    <col min="3588" max="3588" width="17.08984375" style="2" customWidth="1"/>
    <col min="3589" max="3589" width="8.453125" style="2" customWidth="1"/>
    <col min="3590" max="3590" width="16.453125" style="2" customWidth="1"/>
    <col min="3591" max="3591" width="17.453125" style="2" customWidth="1"/>
    <col min="3592" max="3592" width="9.7265625" style="2" customWidth="1"/>
    <col min="3593" max="3593" width="9.90625" style="2" customWidth="1"/>
    <col min="3594" max="3594" width="9" style="2"/>
    <col min="3595" max="3595" width="7.36328125" style="2" customWidth="1"/>
    <col min="3596" max="3596" width="5.26953125" style="2" customWidth="1"/>
    <col min="3597" max="3842" width="9" style="2"/>
    <col min="3843" max="3843" width="13.26953125" style="2" customWidth="1"/>
    <col min="3844" max="3844" width="17.08984375" style="2" customWidth="1"/>
    <col min="3845" max="3845" width="8.453125" style="2" customWidth="1"/>
    <col min="3846" max="3846" width="16.453125" style="2" customWidth="1"/>
    <col min="3847" max="3847" width="17.453125" style="2" customWidth="1"/>
    <col min="3848" max="3848" width="9.7265625" style="2" customWidth="1"/>
    <col min="3849" max="3849" width="9.90625" style="2" customWidth="1"/>
    <col min="3850" max="3850" width="9" style="2"/>
    <col min="3851" max="3851" width="7.36328125" style="2" customWidth="1"/>
    <col min="3852" max="3852" width="5.26953125" style="2" customWidth="1"/>
    <col min="3853" max="4098" width="9" style="2"/>
    <col min="4099" max="4099" width="13.26953125" style="2" customWidth="1"/>
    <col min="4100" max="4100" width="17.08984375" style="2" customWidth="1"/>
    <col min="4101" max="4101" width="8.453125" style="2" customWidth="1"/>
    <col min="4102" max="4102" width="16.453125" style="2" customWidth="1"/>
    <col min="4103" max="4103" width="17.453125" style="2" customWidth="1"/>
    <col min="4104" max="4104" width="9.7265625" style="2" customWidth="1"/>
    <col min="4105" max="4105" width="9.90625" style="2" customWidth="1"/>
    <col min="4106" max="4106" width="9" style="2"/>
    <col min="4107" max="4107" width="7.36328125" style="2" customWidth="1"/>
    <col min="4108" max="4108" width="5.26953125" style="2" customWidth="1"/>
    <col min="4109" max="4354" width="9" style="2"/>
    <col min="4355" max="4355" width="13.26953125" style="2" customWidth="1"/>
    <col min="4356" max="4356" width="17.08984375" style="2" customWidth="1"/>
    <col min="4357" max="4357" width="8.453125" style="2" customWidth="1"/>
    <col min="4358" max="4358" width="16.453125" style="2" customWidth="1"/>
    <col min="4359" max="4359" width="17.453125" style="2" customWidth="1"/>
    <col min="4360" max="4360" width="9.7265625" style="2" customWidth="1"/>
    <col min="4361" max="4361" width="9.90625" style="2" customWidth="1"/>
    <col min="4362" max="4362" width="9" style="2"/>
    <col min="4363" max="4363" width="7.36328125" style="2" customWidth="1"/>
    <col min="4364" max="4364" width="5.26953125" style="2" customWidth="1"/>
    <col min="4365" max="4610" width="9" style="2"/>
    <col min="4611" max="4611" width="13.26953125" style="2" customWidth="1"/>
    <col min="4612" max="4612" width="17.08984375" style="2" customWidth="1"/>
    <col min="4613" max="4613" width="8.453125" style="2" customWidth="1"/>
    <col min="4614" max="4614" width="16.453125" style="2" customWidth="1"/>
    <col min="4615" max="4615" width="17.453125" style="2" customWidth="1"/>
    <col min="4616" max="4616" width="9.7265625" style="2" customWidth="1"/>
    <col min="4617" max="4617" width="9.90625" style="2" customWidth="1"/>
    <col min="4618" max="4618" width="9" style="2"/>
    <col min="4619" max="4619" width="7.36328125" style="2" customWidth="1"/>
    <col min="4620" max="4620" width="5.26953125" style="2" customWidth="1"/>
    <col min="4621" max="4866" width="9" style="2"/>
    <col min="4867" max="4867" width="13.26953125" style="2" customWidth="1"/>
    <col min="4868" max="4868" width="17.08984375" style="2" customWidth="1"/>
    <col min="4869" max="4869" width="8.453125" style="2" customWidth="1"/>
    <col min="4870" max="4870" width="16.453125" style="2" customWidth="1"/>
    <col min="4871" max="4871" width="17.453125" style="2" customWidth="1"/>
    <col min="4872" max="4872" width="9.7265625" style="2" customWidth="1"/>
    <col min="4873" max="4873" width="9.90625" style="2" customWidth="1"/>
    <col min="4874" max="4874" width="9" style="2"/>
    <col min="4875" max="4875" width="7.36328125" style="2" customWidth="1"/>
    <col min="4876" max="4876" width="5.26953125" style="2" customWidth="1"/>
    <col min="4877" max="5122" width="9" style="2"/>
    <col min="5123" max="5123" width="13.26953125" style="2" customWidth="1"/>
    <col min="5124" max="5124" width="17.08984375" style="2" customWidth="1"/>
    <col min="5125" max="5125" width="8.453125" style="2" customWidth="1"/>
    <col min="5126" max="5126" width="16.453125" style="2" customWidth="1"/>
    <col min="5127" max="5127" width="17.453125" style="2" customWidth="1"/>
    <col min="5128" max="5128" width="9.7265625" style="2" customWidth="1"/>
    <col min="5129" max="5129" width="9.90625" style="2" customWidth="1"/>
    <col min="5130" max="5130" width="9" style="2"/>
    <col min="5131" max="5131" width="7.36328125" style="2" customWidth="1"/>
    <col min="5132" max="5132" width="5.26953125" style="2" customWidth="1"/>
    <col min="5133" max="5378" width="9" style="2"/>
    <col min="5379" max="5379" width="13.26953125" style="2" customWidth="1"/>
    <col min="5380" max="5380" width="17.08984375" style="2" customWidth="1"/>
    <col min="5381" max="5381" width="8.453125" style="2" customWidth="1"/>
    <col min="5382" max="5382" width="16.453125" style="2" customWidth="1"/>
    <col min="5383" max="5383" width="17.453125" style="2" customWidth="1"/>
    <col min="5384" max="5384" width="9.7265625" style="2" customWidth="1"/>
    <col min="5385" max="5385" width="9.90625" style="2" customWidth="1"/>
    <col min="5386" max="5386" width="9" style="2"/>
    <col min="5387" max="5387" width="7.36328125" style="2" customWidth="1"/>
    <col min="5388" max="5388" width="5.26953125" style="2" customWidth="1"/>
    <col min="5389" max="5634" width="9" style="2"/>
    <col min="5635" max="5635" width="13.26953125" style="2" customWidth="1"/>
    <col min="5636" max="5636" width="17.08984375" style="2" customWidth="1"/>
    <col min="5637" max="5637" width="8.453125" style="2" customWidth="1"/>
    <col min="5638" max="5638" width="16.453125" style="2" customWidth="1"/>
    <col min="5639" max="5639" width="17.453125" style="2" customWidth="1"/>
    <col min="5640" max="5640" width="9.7265625" style="2" customWidth="1"/>
    <col min="5641" max="5641" width="9.90625" style="2" customWidth="1"/>
    <col min="5642" max="5642" width="9" style="2"/>
    <col min="5643" max="5643" width="7.36328125" style="2" customWidth="1"/>
    <col min="5644" max="5644" width="5.26953125" style="2" customWidth="1"/>
    <col min="5645" max="5890" width="9" style="2"/>
    <col min="5891" max="5891" width="13.26953125" style="2" customWidth="1"/>
    <col min="5892" max="5892" width="17.08984375" style="2" customWidth="1"/>
    <col min="5893" max="5893" width="8.453125" style="2" customWidth="1"/>
    <col min="5894" max="5894" width="16.453125" style="2" customWidth="1"/>
    <col min="5895" max="5895" width="17.453125" style="2" customWidth="1"/>
    <col min="5896" max="5896" width="9.7265625" style="2" customWidth="1"/>
    <col min="5897" max="5897" width="9.90625" style="2" customWidth="1"/>
    <col min="5898" max="5898" width="9" style="2"/>
    <col min="5899" max="5899" width="7.36328125" style="2" customWidth="1"/>
    <col min="5900" max="5900" width="5.26953125" style="2" customWidth="1"/>
    <col min="5901" max="6146" width="9" style="2"/>
    <col min="6147" max="6147" width="13.26953125" style="2" customWidth="1"/>
    <col min="6148" max="6148" width="17.08984375" style="2" customWidth="1"/>
    <col min="6149" max="6149" width="8.453125" style="2" customWidth="1"/>
    <col min="6150" max="6150" width="16.453125" style="2" customWidth="1"/>
    <col min="6151" max="6151" width="17.453125" style="2" customWidth="1"/>
    <col min="6152" max="6152" width="9.7265625" style="2" customWidth="1"/>
    <col min="6153" max="6153" width="9.90625" style="2" customWidth="1"/>
    <col min="6154" max="6154" width="9" style="2"/>
    <col min="6155" max="6155" width="7.36328125" style="2" customWidth="1"/>
    <col min="6156" max="6156" width="5.26953125" style="2" customWidth="1"/>
    <col min="6157" max="6402" width="9" style="2"/>
    <col min="6403" max="6403" width="13.26953125" style="2" customWidth="1"/>
    <col min="6404" max="6404" width="17.08984375" style="2" customWidth="1"/>
    <col min="6405" max="6405" width="8.453125" style="2" customWidth="1"/>
    <col min="6406" max="6406" width="16.453125" style="2" customWidth="1"/>
    <col min="6407" max="6407" width="17.453125" style="2" customWidth="1"/>
    <col min="6408" max="6408" width="9.7265625" style="2" customWidth="1"/>
    <col min="6409" max="6409" width="9.90625" style="2" customWidth="1"/>
    <col min="6410" max="6410" width="9" style="2"/>
    <col min="6411" max="6411" width="7.36328125" style="2" customWidth="1"/>
    <col min="6412" max="6412" width="5.26953125" style="2" customWidth="1"/>
    <col min="6413" max="6658" width="9" style="2"/>
    <col min="6659" max="6659" width="13.26953125" style="2" customWidth="1"/>
    <col min="6660" max="6660" width="17.08984375" style="2" customWidth="1"/>
    <col min="6661" max="6661" width="8.453125" style="2" customWidth="1"/>
    <col min="6662" max="6662" width="16.453125" style="2" customWidth="1"/>
    <col min="6663" max="6663" width="17.453125" style="2" customWidth="1"/>
    <col min="6664" max="6664" width="9.7265625" style="2" customWidth="1"/>
    <col min="6665" max="6665" width="9.90625" style="2" customWidth="1"/>
    <col min="6666" max="6666" width="9" style="2"/>
    <col min="6667" max="6667" width="7.36328125" style="2" customWidth="1"/>
    <col min="6668" max="6668" width="5.26953125" style="2" customWidth="1"/>
    <col min="6669" max="6914" width="9" style="2"/>
    <col min="6915" max="6915" width="13.26953125" style="2" customWidth="1"/>
    <col min="6916" max="6916" width="17.08984375" style="2" customWidth="1"/>
    <col min="6917" max="6917" width="8.453125" style="2" customWidth="1"/>
    <col min="6918" max="6918" width="16.453125" style="2" customWidth="1"/>
    <col min="6919" max="6919" width="17.453125" style="2" customWidth="1"/>
    <col min="6920" max="6920" width="9.7265625" style="2" customWidth="1"/>
    <col min="6921" max="6921" width="9.90625" style="2" customWidth="1"/>
    <col min="6922" max="6922" width="9" style="2"/>
    <col min="6923" max="6923" width="7.36328125" style="2" customWidth="1"/>
    <col min="6924" max="6924" width="5.26953125" style="2" customWidth="1"/>
    <col min="6925" max="7170" width="9" style="2"/>
    <col min="7171" max="7171" width="13.26953125" style="2" customWidth="1"/>
    <col min="7172" max="7172" width="17.08984375" style="2" customWidth="1"/>
    <col min="7173" max="7173" width="8.453125" style="2" customWidth="1"/>
    <col min="7174" max="7174" width="16.453125" style="2" customWidth="1"/>
    <col min="7175" max="7175" width="17.453125" style="2" customWidth="1"/>
    <col min="7176" max="7176" width="9.7265625" style="2" customWidth="1"/>
    <col min="7177" max="7177" width="9.90625" style="2" customWidth="1"/>
    <col min="7178" max="7178" width="9" style="2"/>
    <col min="7179" max="7179" width="7.36328125" style="2" customWidth="1"/>
    <col min="7180" max="7180" width="5.26953125" style="2" customWidth="1"/>
    <col min="7181" max="7426" width="9" style="2"/>
    <col min="7427" max="7427" width="13.26953125" style="2" customWidth="1"/>
    <col min="7428" max="7428" width="17.08984375" style="2" customWidth="1"/>
    <col min="7429" max="7429" width="8.453125" style="2" customWidth="1"/>
    <col min="7430" max="7430" width="16.453125" style="2" customWidth="1"/>
    <col min="7431" max="7431" width="17.453125" style="2" customWidth="1"/>
    <col min="7432" max="7432" width="9.7265625" style="2" customWidth="1"/>
    <col min="7433" max="7433" width="9.90625" style="2" customWidth="1"/>
    <col min="7434" max="7434" width="9" style="2"/>
    <col min="7435" max="7435" width="7.36328125" style="2" customWidth="1"/>
    <col min="7436" max="7436" width="5.26953125" style="2" customWidth="1"/>
    <col min="7437" max="7682" width="9" style="2"/>
    <col min="7683" max="7683" width="13.26953125" style="2" customWidth="1"/>
    <col min="7684" max="7684" width="17.08984375" style="2" customWidth="1"/>
    <col min="7685" max="7685" width="8.453125" style="2" customWidth="1"/>
    <col min="7686" max="7686" width="16.453125" style="2" customWidth="1"/>
    <col min="7687" max="7687" width="17.453125" style="2" customWidth="1"/>
    <col min="7688" max="7688" width="9.7265625" style="2" customWidth="1"/>
    <col min="7689" max="7689" width="9.90625" style="2" customWidth="1"/>
    <col min="7690" max="7690" width="9" style="2"/>
    <col min="7691" max="7691" width="7.36328125" style="2" customWidth="1"/>
    <col min="7692" max="7692" width="5.26953125" style="2" customWidth="1"/>
    <col min="7693" max="7938" width="9" style="2"/>
    <col min="7939" max="7939" width="13.26953125" style="2" customWidth="1"/>
    <col min="7940" max="7940" width="17.08984375" style="2" customWidth="1"/>
    <col min="7941" max="7941" width="8.453125" style="2" customWidth="1"/>
    <col min="7942" max="7942" width="16.453125" style="2" customWidth="1"/>
    <col min="7943" max="7943" width="17.453125" style="2" customWidth="1"/>
    <col min="7944" max="7944" width="9.7265625" style="2" customWidth="1"/>
    <col min="7945" max="7945" width="9.90625" style="2" customWidth="1"/>
    <col min="7946" max="7946" width="9" style="2"/>
    <col min="7947" max="7947" width="7.36328125" style="2" customWidth="1"/>
    <col min="7948" max="7948" width="5.26953125" style="2" customWidth="1"/>
    <col min="7949" max="8194" width="9" style="2"/>
    <col min="8195" max="8195" width="13.26953125" style="2" customWidth="1"/>
    <col min="8196" max="8196" width="17.08984375" style="2" customWidth="1"/>
    <col min="8197" max="8197" width="8.453125" style="2" customWidth="1"/>
    <col min="8198" max="8198" width="16.453125" style="2" customWidth="1"/>
    <col min="8199" max="8199" width="17.453125" style="2" customWidth="1"/>
    <col min="8200" max="8200" width="9.7265625" style="2" customWidth="1"/>
    <col min="8201" max="8201" width="9.90625" style="2" customWidth="1"/>
    <col min="8202" max="8202" width="9" style="2"/>
    <col min="8203" max="8203" width="7.36328125" style="2" customWidth="1"/>
    <col min="8204" max="8204" width="5.26953125" style="2" customWidth="1"/>
    <col min="8205" max="8450" width="9" style="2"/>
    <col min="8451" max="8451" width="13.26953125" style="2" customWidth="1"/>
    <col min="8452" max="8452" width="17.08984375" style="2" customWidth="1"/>
    <col min="8453" max="8453" width="8.453125" style="2" customWidth="1"/>
    <col min="8454" max="8454" width="16.453125" style="2" customWidth="1"/>
    <col min="8455" max="8455" width="17.453125" style="2" customWidth="1"/>
    <col min="8456" max="8456" width="9.7265625" style="2" customWidth="1"/>
    <col min="8457" max="8457" width="9.90625" style="2" customWidth="1"/>
    <col min="8458" max="8458" width="9" style="2"/>
    <col min="8459" max="8459" width="7.36328125" style="2" customWidth="1"/>
    <col min="8460" max="8460" width="5.26953125" style="2" customWidth="1"/>
    <col min="8461" max="8706" width="9" style="2"/>
    <col min="8707" max="8707" width="13.26953125" style="2" customWidth="1"/>
    <col min="8708" max="8708" width="17.08984375" style="2" customWidth="1"/>
    <col min="8709" max="8709" width="8.453125" style="2" customWidth="1"/>
    <col min="8710" max="8710" width="16.453125" style="2" customWidth="1"/>
    <col min="8711" max="8711" width="17.453125" style="2" customWidth="1"/>
    <col min="8712" max="8712" width="9.7265625" style="2" customWidth="1"/>
    <col min="8713" max="8713" width="9.90625" style="2" customWidth="1"/>
    <col min="8714" max="8714" width="9" style="2"/>
    <col min="8715" max="8715" width="7.36328125" style="2" customWidth="1"/>
    <col min="8716" max="8716" width="5.26953125" style="2" customWidth="1"/>
    <col min="8717" max="8962" width="9" style="2"/>
    <col min="8963" max="8963" width="13.26953125" style="2" customWidth="1"/>
    <col min="8964" max="8964" width="17.08984375" style="2" customWidth="1"/>
    <col min="8965" max="8965" width="8.453125" style="2" customWidth="1"/>
    <col min="8966" max="8966" width="16.453125" style="2" customWidth="1"/>
    <col min="8967" max="8967" width="17.453125" style="2" customWidth="1"/>
    <col min="8968" max="8968" width="9.7265625" style="2" customWidth="1"/>
    <col min="8969" max="8969" width="9.90625" style="2" customWidth="1"/>
    <col min="8970" max="8970" width="9" style="2"/>
    <col min="8971" max="8971" width="7.36328125" style="2" customWidth="1"/>
    <col min="8972" max="8972" width="5.26953125" style="2" customWidth="1"/>
    <col min="8973" max="9218" width="9" style="2"/>
    <col min="9219" max="9219" width="13.26953125" style="2" customWidth="1"/>
    <col min="9220" max="9220" width="17.08984375" style="2" customWidth="1"/>
    <col min="9221" max="9221" width="8.453125" style="2" customWidth="1"/>
    <col min="9222" max="9222" width="16.453125" style="2" customWidth="1"/>
    <col min="9223" max="9223" width="17.453125" style="2" customWidth="1"/>
    <col min="9224" max="9224" width="9.7265625" style="2" customWidth="1"/>
    <col min="9225" max="9225" width="9.90625" style="2" customWidth="1"/>
    <col min="9226" max="9226" width="9" style="2"/>
    <col min="9227" max="9227" width="7.36328125" style="2" customWidth="1"/>
    <col min="9228" max="9228" width="5.26953125" style="2" customWidth="1"/>
    <col min="9229" max="9474" width="9" style="2"/>
    <col min="9475" max="9475" width="13.26953125" style="2" customWidth="1"/>
    <col min="9476" max="9476" width="17.08984375" style="2" customWidth="1"/>
    <col min="9477" max="9477" width="8.453125" style="2" customWidth="1"/>
    <col min="9478" max="9478" width="16.453125" style="2" customWidth="1"/>
    <col min="9479" max="9479" width="17.453125" style="2" customWidth="1"/>
    <col min="9480" max="9480" width="9.7265625" style="2" customWidth="1"/>
    <col min="9481" max="9481" width="9.90625" style="2" customWidth="1"/>
    <col min="9482" max="9482" width="9" style="2"/>
    <col min="9483" max="9483" width="7.36328125" style="2" customWidth="1"/>
    <col min="9484" max="9484" width="5.26953125" style="2" customWidth="1"/>
    <col min="9485" max="9730" width="9" style="2"/>
    <col min="9731" max="9731" width="13.26953125" style="2" customWidth="1"/>
    <col min="9732" max="9732" width="17.08984375" style="2" customWidth="1"/>
    <col min="9733" max="9733" width="8.453125" style="2" customWidth="1"/>
    <col min="9734" max="9734" width="16.453125" style="2" customWidth="1"/>
    <col min="9735" max="9735" width="17.453125" style="2" customWidth="1"/>
    <col min="9736" max="9736" width="9.7265625" style="2" customWidth="1"/>
    <col min="9737" max="9737" width="9.90625" style="2" customWidth="1"/>
    <col min="9738" max="9738" width="9" style="2"/>
    <col min="9739" max="9739" width="7.36328125" style="2" customWidth="1"/>
    <col min="9740" max="9740" width="5.26953125" style="2" customWidth="1"/>
    <col min="9741" max="9986" width="9" style="2"/>
    <col min="9987" max="9987" width="13.26953125" style="2" customWidth="1"/>
    <col min="9988" max="9988" width="17.08984375" style="2" customWidth="1"/>
    <col min="9989" max="9989" width="8.453125" style="2" customWidth="1"/>
    <col min="9990" max="9990" width="16.453125" style="2" customWidth="1"/>
    <col min="9991" max="9991" width="17.453125" style="2" customWidth="1"/>
    <col min="9992" max="9992" width="9.7265625" style="2" customWidth="1"/>
    <col min="9993" max="9993" width="9.90625" style="2" customWidth="1"/>
    <col min="9994" max="9994" width="9" style="2"/>
    <col min="9995" max="9995" width="7.36328125" style="2" customWidth="1"/>
    <col min="9996" max="9996" width="5.26953125" style="2" customWidth="1"/>
    <col min="9997" max="10242" width="9" style="2"/>
    <col min="10243" max="10243" width="13.26953125" style="2" customWidth="1"/>
    <col min="10244" max="10244" width="17.08984375" style="2" customWidth="1"/>
    <col min="10245" max="10245" width="8.453125" style="2" customWidth="1"/>
    <col min="10246" max="10246" width="16.453125" style="2" customWidth="1"/>
    <col min="10247" max="10247" width="17.453125" style="2" customWidth="1"/>
    <col min="10248" max="10248" width="9.7265625" style="2" customWidth="1"/>
    <col min="10249" max="10249" width="9.90625" style="2" customWidth="1"/>
    <col min="10250" max="10250" width="9" style="2"/>
    <col min="10251" max="10251" width="7.36328125" style="2" customWidth="1"/>
    <col min="10252" max="10252" width="5.26953125" style="2" customWidth="1"/>
    <col min="10253" max="10498" width="9" style="2"/>
    <col min="10499" max="10499" width="13.26953125" style="2" customWidth="1"/>
    <col min="10500" max="10500" width="17.08984375" style="2" customWidth="1"/>
    <col min="10501" max="10501" width="8.453125" style="2" customWidth="1"/>
    <col min="10502" max="10502" width="16.453125" style="2" customWidth="1"/>
    <col min="10503" max="10503" width="17.453125" style="2" customWidth="1"/>
    <col min="10504" max="10504" width="9.7265625" style="2" customWidth="1"/>
    <col min="10505" max="10505" width="9.90625" style="2" customWidth="1"/>
    <col min="10506" max="10506" width="9" style="2"/>
    <col min="10507" max="10507" width="7.36328125" style="2" customWidth="1"/>
    <col min="10508" max="10508" width="5.26953125" style="2" customWidth="1"/>
    <col min="10509" max="10754" width="9" style="2"/>
    <col min="10755" max="10755" width="13.26953125" style="2" customWidth="1"/>
    <col min="10756" max="10756" width="17.08984375" style="2" customWidth="1"/>
    <col min="10757" max="10757" width="8.453125" style="2" customWidth="1"/>
    <col min="10758" max="10758" width="16.453125" style="2" customWidth="1"/>
    <col min="10759" max="10759" width="17.453125" style="2" customWidth="1"/>
    <col min="10760" max="10760" width="9.7265625" style="2" customWidth="1"/>
    <col min="10761" max="10761" width="9.90625" style="2" customWidth="1"/>
    <col min="10762" max="10762" width="9" style="2"/>
    <col min="10763" max="10763" width="7.36328125" style="2" customWidth="1"/>
    <col min="10764" max="10764" width="5.26953125" style="2" customWidth="1"/>
    <col min="10765" max="11010" width="9" style="2"/>
    <col min="11011" max="11011" width="13.26953125" style="2" customWidth="1"/>
    <col min="11012" max="11012" width="17.08984375" style="2" customWidth="1"/>
    <col min="11013" max="11013" width="8.453125" style="2" customWidth="1"/>
    <col min="11014" max="11014" width="16.453125" style="2" customWidth="1"/>
    <col min="11015" max="11015" width="17.453125" style="2" customWidth="1"/>
    <col min="11016" max="11016" width="9.7265625" style="2" customWidth="1"/>
    <col min="11017" max="11017" width="9.90625" style="2" customWidth="1"/>
    <col min="11018" max="11018" width="9" style="2"/>
    <col min="11019" max="11019" width="7.36328125" style="2" customWidth="1"/>
    <col min="11020" max="11020" width="5.26953125" style="2" customWidth="1"/>
    <col min="11021" max="11266" width="9" style="2"/>
    <col min="11267" max="11267" width="13.26953125" style="2" customWidth="1"/>
    <col min="11268" max="11268" width="17.08984375" style="2" customWidth="1"/>
    <col min="11269" max="11269" width="8.453125" style="2" customWidth="1"/>
    <col min="11270" max="11270" width="16.453125" style="2" customWidth="1"/>
    <col min="11271" max="11271" width="17.453125" style="2" customWidth="1"/>
    <col min="11272" max="11272" width="9.7265625" style="2" customWidth="1"/>
    <col min="11273" max="11273" width="9.90625" style="2" customWidth="1"/>
    <col min="11274" max="11274" width="9" style="2"/>
    <col min="11275" max="11275" width="7.36328125" style="2" customWidth="1"/>
    <col min="11276" max="11276" width="5.26953125" style="2" customWidth="1"/>
    <col min="11277" max="11522" width="9" style="2"/>
    <col min="11523" max="11523" width="13.26953125" style="2" customWidth="1"/>
    <col min="11524" max="11524" width="17.08984375" style="2" customWidth="1"/>
    <col min="11525" max="11525" width="8.453125" style="2" customWidth="1"/>
    <col min="11526" max="11526" width="16.453125" style="2" customWidth="1"/>
    <col min="11527" max="11527" width="17.453125" style="2" customWidth="1"/>
    <col min="11528" max="11528" width="9.7265625" style="2" customWidth="1"/>
    <col min="11529" max="11529" width="9.90625" style="2" customWidth="1"/>
    <col min="11530" max="11530" width="9" style="2"/>
    <col min="11531" max="11531" width="7.36328125" style="2" customWidth="1"/>
    <col min="11532" max="11532" width="5.26953125" style="2" customWidth="1"/>
    <col min="11533" max="11778" width="9" style="2"/>
    <col min="11779" max="11779" width="13.26953125" style="2" customWidth="1"/>
    <col min="11780" max="11780" width="17.08984375" style="2" customWidth="1"/>
    <col min="11781" max="11781" width="8.453125" style="2" customWidth="1"/>
    <col min="11782" max="11782" width="16.453125" style="2" customWidth="1"/>
    <col min="11783" max="11783" width="17.453125" style="2" customWidth="1"/>
    <col min="11784" max="11784" width="9.7265625" style="2" customWidth="1"/>
    <col min="11785" max="11785" width="9.90625" style="2" customWidth="1"/>
    <col min="11786" max="11786" width="9" style="2"/>
    <col min="11787" max="11787" width="7.36328125" style="2" customWidth="1"/>
    <col min="11788" max="11788" width="5.26953125" style="2" customWidth="1"/>
    <col min="11789" max="12034" width="9" style="2"/>
    <col min="12035" max="12035" width="13.26953125" style="2" customWidth="1"/>
    <col min="12036" max="12036" width="17.08984375" style="2" customWidth="1"/>
    <col min="12037" max="12037" width="8.453125" style="2" customWidth="1"/>
    <col min="12038" max="12038" width="16.453125" style="2" customWidth="1"/>
    <col min="12039" max="12039" width="17.453125" style="2" customWidth="1"/>
    <col min="12040" max="12040" width="9.7265625" style="2" customWidth="1"/>
    <col min="12041" max="12041" width="9.90625" style="2" customWidth="1"/>
    <col min="12042" max="12042" width="9" style="2"/>
    <col min="12043" max="12043" width="7.36328125" style="2" customWidth="1"/>
    <col min="12044" max="12044" width="5.26953125" style="2" customWidth="1"/>
    <col min="12045" max="12290" width="9" style="2"/>
    <col min="12291" max="12291" width="13.26953125" style="2" customWidth="1"/>
    <col min="12292" max="12292" width="17.08984375" style="2" customWidth="1"/>
    <col min="12293" max="12293" width="8.453125" style="2" customWidth="1"/>
    <col min="12294" max="12294" width="16.453125" style="2" customWidth="1"/>
    <col min="12295" max="12295" width="17.453125" style="2" customWidth="1"/>
    <col min="12296" max="12296" width="9.7265625" style="2" customWidth="1"/>
    <col min="12297" max="12297" width="9.90625" style="2" customWidth="1"/>
    <col min="12298" max="12298" width="9" style="2"/>
    <col min="12299" max="12299" width="7.36328125" style="2" customWidth="1"/>
    <col min="12300" max="12300" width="5.26953125" style="2" customWidth="1"/>
    <col min="12301" max="12546" width="9" style="2"/>
    <col min="12547" max="12547" width="13.26953125" style="2" customWidth="1"/>
    <col min="12548" max="12548" width="17.08984375" style="2" customWidth="1"/>
    <col min="12549" max="12549" width="8.453125" style="2" customWidth="1"/>
    <col min="12550" max="12550" width="16.453125" style="2" customWidth="1"/>
    <col min="12551" max="12551" width="17.453125" style="2" customWidth="1"/>
    <col min="12552" max="12552" width="9.7265625" style="2" customWidth="1"/>
    <col min="12553" max="12553" width="9.90625" style="2" customWidth="1"/>
    <col min="12554" max="12554" width="9" style="2"/>
    <col min="12555" max="12555" width="7.36328125" style="2" customWidth="1"/>
    <col min="12556" max="12556" width="5.26953125" style="2" customWidth="1"/>
    <col min="12557" max="12802" width="9" style="2"/>
    <col min="12803" max="12803" width="13.26953125" style="2" customWidth="1"/>
    <col min="12804" max="12804" width="17.08984375" style="2" customWidth="1"/>
    <col min="12805" max="12805" width="8.453125" style="2" customWidth="1"/>
    <col min="12806" max="12806" width="16.453125" style="2" customWidth="1"/>
    <col min="12807" max="12807" width="17.453125" style="2" customWidth="1"/>
    <col min="12808" max="12808" width="9.7265625" style="2" customWidth="1"/>
    <col min="12809" max="12809" width="9.90625" style="2" customWidth="1"/>
    <col min="12810" max="12810" width="9" style="2"/>
    <col min="12811" max="12811" width="7.36328125" style="2" customWidth="1"/>
    <col min="12812" max="12812" width="5.26953125" style="2" customWidth="1"/>
    <col min="12813" max="13058" width="9" style="2"/>
    <col min="13059" max="13059" width="13.26953125" style="2" customWidth="1"/>
    <col min="13060" max="13060" width="17.08984375" style="2" customWidth="1"/>
    <col min="13061" max="13061" width="8.453125" style="2" customWidth="1"/>
    <col min="13062" max="13062" width="16.453125" style="2" customWidth="1"/>
    <col min="13063" max="13063" width="17.453125" style="2" customWidth="1"/>
    <col min="13064" max="13064" width="9.7265625" style="2" customWidth="1"/>
    <col min="13065" max="13065" width="9.90625" style="2" customWidth="1"/>
    <col min="13066" max="13066" width="9" style="2"/>
    <col min="13067" max="13067" width="7.36328125" style="2" customWidth="1"/>
    <col min="13068" max="13068" width="5.26953125" style="2" customWidth="1"/>
    <col min="13069" max="13314" width="9" style="2"/>
    <col min="13315" max="13315" width="13.26953125" style="2" customWidth="1"/>
    <col min="13316" max="13316" width="17.08984375" style="2" customWidth="1"/>
    <col min="13317" max="13317" width="8.453125" style="2" customWidth="1"/>
    <col min="13318" max="13318" width="16.453125" style="2" customWidth="1"/>
    <col min="13319" max="13319" width="17.453125" style="2" customWidth="1"/>
    <col min="13320" max="13320" width="9.7265625" style="2" customWidth="1"/>
    <col min="13321" max="13321" width="9.90625" style="2" customWidth="1"/>
    <col min="13322" max="13322" width="9" style="2"/>
    <col min="13323" max="13323" width="7.36328125" style="2" customWidth="1"/>
    <col min="13324" max="13324" width="5.26953125" style="2" customWidth="1"/>
    <col min="13325" max="13570" width="9" style="2"/>
    <col min="13571" max="13571" width="13.26953125" style="2" customWidth="1"/>
    <col min="13572" max="13572" width="17.08984375" style="2" customWidth="1"/>
    <col min="13573" max="13573" width="8.453125" style="2" customWidth="1"/>
    <col min="13574" max="13574" width="16.453125" style="2" customWidth="1"/>
    <col min="13575" max="13575" width="17.453125" style="2" customWidth="1"/>
    <col min="13576" max="13576" width="9.7265625" style="2" customWidth="1"/>
    <col min="13577" max="13577" width="9.90625" style="2" customWidth="1"/>
    <col min="13578" max="13578" width="9" style="2"/>
    <col min="13579" max="13579" width="7.36328125" style="2" customWidth="1"/>
    <col min="13580" max="13580" width="5.26953125" style="2" customWidth="1"/>
    <col min="13581" max="13826" width="9" style="2"/>
    <col min="13827" max="13827" width="13.26953125" style="2" customWidth="1"/>
    <col min="13828" max="13828" width="17.08984375" style="2" customWidth="1"/>
    <col min="13829" max="13829" width="8.453125" style="2" customWidth="1"/>
    <col min="13830" max="13830" width="16.453125" style="2" customWidth="1"/>
    <col min="13831" max="13831" width="17.453125" style="2" customWidth="1"/>
    <col min="13832" max="13832" width="9.7265625" style="2" customWidth="1"/>
    <col min="13833" max="13833" width="9.90625" style="2" customWidth="1"/>
    <col min="13834" max="13834" width="9" style="2"/>
    <col min="13835" max="13835" width="7.36328125" style="2" customWidth="1"/>
    <col min="13836" max="13836" width="5.26953125" style="2" customWidth="1"/>
    <col min="13837" max="14082" width="9" style="2"/>
    <col min="14083" max="14083" width="13.26953125" style="2" customWidth="1"/>
    <col min="14084" max="14084" width="17.08984375" style="2" customWidth="1"/>
    <col min="14085" max="14085" width="8.453125" style="2" customWidth="1"/>
    <col min="14086" max="14086" width="16.453125" style="2" customWidth="1"/>
    <col min="14087" max="14087" width="17.453125" style="2" customWidth="1"/>
    <col min="14088" max="14088" width="9.7265625" style="2" customWidth="1"/>
    <col min="14089" max="14089" width="9.90625" style="2" customWidth="1"/>
    <col min="14090" max="14090" width="9" style="2"/>
    <col min="14091" max="14091" width="7.36328125" style="2" customWidth="1"/>
    <col min="14092" max="14092" width="5.26953125" style="2" customWidth="1"/>
    <col min="14093" max="14338" width="9" style="2"/>
    <col min="14339" max="14339" width="13.26953125" style="2" customWidth="1"/>
    <col min="14340" max="14340" width="17.08984375" style="2" customWidth="1"/>
    <col min="14341" max="14341" width="8.453125" style="2" customWidth="1"/>
    <col min="14342" max="14342" width="16.453125" style="2" customWidth="1"/>
    <col min="14343" max="14343" width="17.453125" style="2" customWidth="1"/>
    <col min="14344" max="14344" width="9.7265625" style="2" customWidth="1"/>
    <col min="14345" max="14345" width="9.90625" style="2" customWidth="1"/>
    <col min="14346" max="14346" width="9" style="2"/>
    <col min="14347" max="14347" width="7.36328125" style="2" customWidth="1"/>
    <col min="14348" max="14348" width="5.26953125" style="2" customWidth="1"/>
    <col min="14349" max="14594" width="9" style="2"/>
    <col min="14595" max="14595" width="13.26953125" style="2" customWidth="1"/>
    <col min="14596" max="14596" width="17.08984375" style="2" customWidth="1"/>
    <col min="14597" max="14597" width="8.453125" style="2" customWidth="1"/>
    <col min="14598" max="14598" width="16.453125" style="2" customWidth="1"/>
    <col min="14599" max="14599" width="17.453125" style="2" customWidth="1"/>
    <col min="14600" max="14600" width="9.7265625" style="2" customWidth="1"/>
    <col min="14601" max="14601" width="9.90625" style="2" customWidth="1"/>
    <col min="14602" max="14602" width="9" style="2"/>
    <col min="14603" max="14603" width="7.36328125" style="2" customWidth="1"/>
    <col min="14604" max="14604" width="5.26953125" style="2" customWidth="1"/>
    <col min="14605" max="14850" width="9" style="2"/>
    <col min="14851" max="14851" width="13.26953125" style="2" customWidth="1"/>
    <col min="14852" max="14852" width="17.08984375" style="2" customWidth="1"/>
    <col min="14853" max="14853" width="8.453125" style="2" customWidth="1"/>
    <col min="14854" max="14854" width="16.453125" style="2" customWidth="1"/>
    <col min="14855" max="14855" width="17.453125" style="2" customWidth="1"/>
    <col min="14856" max="14856" width="9.7265625" style="2" customWidth="1"/>
    <col min="14857" max="14857" width="9.90625" style="2" customWidth="1"/>
    <col min="14858" max="14858" width="9" style="2"/>
    <col min="14859" max="14859" width="7.36328125" style="2" customWidth="1"/>
    <col min="14860" max="14860" width="5.26953125" style="2" customWidth="1"/>
    <col min="14861" max="15106" width="9" style="2"/>
    <col min="15107" max="15107" width="13.26953125" style="2" customWidth="1"/>
    <col min="15108" max="15108" width="17.08984375" style="2" customWidth="1"/>
    <col min="15109" max="15109" width="8.453125" style="2" customWidth="1"/>
    <col min="15110" max="15110" width="16.453125" style="2" customWidth="1"/>
    <col min="15111" max="15111" width="17.453125" style="2" customWidth="1"/>
    <col min="15112" max="15112" width="9.7265625" style="2" customWidth="1"/>
    <col min="15113" max="15113" width="9.90625" style="2" customWidth="1"/>
    <col min="15114" max="15114" width="9" style="2"/>
    <col min="15115" max="15115" width="7.36328125" style="2" customWidth="1"/>
    <col min="15116" max="15116" width="5.26953125" style="2" customWidth="1"/>
    <col min="15117" max="15362" width="9" style="2"/>
    <col min="15363" max="15363" width="13.26953125" style="2" customWidth="1"/>
    <col min="15364" max="15364" width="17.08984375" style="2" customWidth="1"/>
    <col min="15365" max="15365" width="8.453125" style="2" customWidth="1"/>
    <col min="15366" max="15366" width="16.453125" style="2" customWidth="1"/>
    <col min="15367" max="15367" width="17.453125" style="2" customWidth="1"/>
    <col min="15368" max="15368" width="9.7265625" style="2" customWidth="1"/>
    <col min="15369" max="15369" width="9.90625" style="2" customWidth="1"/>
    <col min="15370" max="15370" width="9" style="2"/>
    <col min="15371" max="15371" width="7.36328125" style="2" customWidth="1"/>
    <col min="15372" max="15372" width="5.26953125" style="2" customWidth="1"/>
    <col min="15373" max="15618" width="9" style="2"/>
    <col min="15619" max="15619" width="13.26953125" style="2" customWidth="1"/>
    <col min="15620" max="15620" width="17.08984375" style="2" customWidth="1"/>
    <col min="15621" max="15621" width="8.453125" style="2" customWidth="1"/>
    <col min="15622" max="15622" width="16.453125" style="2" customWidth="1"/>
    <col min="15623" max="15623" width="17.453125" style="2" customWidth="1"/>
    <col min="15624" max="15624" width="9.7265625" style="2" customWidth="1"/>
    <col min="15625" max="15625" width="9.90625" style="2" customWidth="1"/>
    <col min="15626" max="15626" width="9" style="2"/>
    <col min="15627" max="15627" width="7.36328125" style="2" customWidth="1"/>
    <col min="15628" max="15628" width="5.26953125" style="2" customWidth="1"/>
    <col min="15629" max="15874" width="9" style="2"/>
    <col min="15875" max="15875" width="13.26953125" style="2" customWidth="1"/>
    <col min="15876" max="15876" width="17.08984375" style="2" customWidth="1"/>
    <col min="15877" max="15877" width="8.453125" style="2" customWidth="1"/>
    <col min="15878" max="15878" width="16.453125" style="2" customWidth="1"/>
    <col min="15879" max="15879" width="17.453125" style="2" customWidth="1"/>
    <col min="15880" max="15880" width="9.7265625" style="2" customWidth="1"/>
    <col min="15881" max="15881" width="9.90625" style="2" customWidth="1"/>
    <col min="15882" max="15882" width="9" style="2"/>
    <col min="15883" max="15883" width="7.36328125" style="2" customWidth="1"/>
    <col min="15884" max="15884" width="5.26953125" style="2" customWidth="1"/>
    <col min="15885" max="16130" width="9" style="2"/>
    <col min="16131" max="16131" width="13.26953125" style="2" customWidth="1"/>
    <col min="16132" max="16132" width="17.08984375" style="2" customWidth="1"/>
    <col min="16133" max="16133" width="8.453125" style="2" customWidth="1"/>
    <col min="16134" max="16134" width="16.453125" style="2" customWidth="1"/>
    <col min="16135" max="16135" width="17.453125" style="2" customWidth="1"/>
    <col min="16136" max="16136" width="9.7265625" style="2" customWidth="1"/>
    <col min="16137" max="16137" width="9.90625" style="2" customWidth="1"/>
    <col min="16138" max="16138" width="9" style="2"/>
    <col min="16139" max="16139" width="7.36328125" style="2" customWidth="1"/>
    <col min="16140" max="16140" width="5.26953125" style="2" customWidth="1"/>
    <col min="16141" max="16384" width="9" style="2"/>
  </cols>
  <sheetData>
    <row r="1" spans="1:29" ht="45" customHeight="1" x14ac:dyDescent="0.2">
      <c r="A1" s="111" t="s">
        <v>224</v>
      </c>
      <c r="B1" s="112"/>
      <c r="C1" s="112"/>
      <c r="D1" s="112"/>
      <c r="E1" s="112"/>
      <c r="F1" s="113"/>
      <c r="G1" s="27"/>
      <c r="H1" s="27" t="s">
        <v>3</v>
      </c>
      <c r="I1" s="27"/>
      <c r="J1" s="27"/>
      <c r="K1" s="27"/>
      <c r="L1" s="27"/>
      <c r="M1" s="27"/>
      <c r="N1" s="27"/>
      <c r="O1" s="27"/>
      <c r="P1" s="27"/>
      <c r="Q1" s="27"/>
      <c r="R1" s="27"/>
      <c r="S1" s="27"/>
      <c r="T1" s="27"/>
      <c r="U1" s="27"/>
      <c r="V1" s="5"/>
      <c r="W1" s="81"/>
      <c r="X1" s="81"/>
      <c r="Y1" s="81"/>
      <c r="Z1" s="81"/>
      <c r="AA1" s="81"/>
      <c r="AB1" s="81"/>
      <c r="AC1" s="81"/>
    </row>
    <row r="2" spans="1:29" ht="9.75" customHeight="1" x14ac:dyDescent="0.2">
      <c r="A2" s="26"/>
      <c r="B2" s="26"/>
      <c r="C2" s="26"/>
      <c r="D2" s="26"/>
      <c r="E2" s="26"/>
      <c r="F2" s="26"/>
      <c r="G2" s="26"/>
      <c r="H2" s="26"/>
      <c r="I2" s="26"/>
      <c r="J2" s="27"/>
      <c r="K2" s="28"/>
      <c r="L2" s="5"/>
      <c r="M2" s="5"/>
      <c r="N2" s="5"/>
      <c r="O2" s="5"/>
      <c r="P2" s="5"/>
      <c r="Q2" s="5"/>
      <c r="R2" s="5"/>
      <c r="S2" s="5"/>
      <c r="T2" s="5"/>
      <c r="U2" s="5"/>
      <c r="V2" s="5"/>
      <c r="W2" s="5"/>
      <c r="X2" s="5"/>
      <c r="Y2" s="5"/>
      <c r="Z2" s="5"/>
      <c r="AA2" s="5"/>
      <c r="AB2" s="5"/>
      <c r="AC2" s="5"/>
    </row>
    <row r="3" spans="1:29" ht="14.25" customHeight="1" x14ac:dyDescent="0.2">
      <c r="A3" s="40" t="s">
        <v>0</v>
      </c>
      <c r="B3" s="84"/>
      <c r="C3" s="84"/>
      <c r="D3" s="84"/>
      <c r="E3" s="84"/>
      <c r="F3" s="84"/>
      <c r="G3" s="84"/>
      <c r="H3" s="84"/>
      <c r="I3" s="84"/>
      <c r="J3" s="84"/>
      <c r="K3" s="84"/>
      <c r="L3" s="84"/>
      <c r="M3" s="84"/>
      <c r="N3" s="84"/>
      <c r="O3" s="84"/>
      <c r="P3" s="84"/>
      <c r="Q3" s="84"/>
      <c r="R3" s="93" t="s">
        <v>4</v>
      </c>
      <c r="S3" s="93"/>
      <c r="T3" s="94"/>
      <c r="U3" s="90"/>
      <c r="V3" s="91"/>
      <c r="W3" s="3" t="s">
        <v>5</v>
      </c>
      <c r="X3" s="89"/>
      <c r="Y3" s="89"/>
      <c r="Z3" s="3" t="s">
        <v>6</v>
      </c>
      <c r="AA3" s="89"/>
      <c r="AB3" s="89"/>
      <c r="AC3" s="4" t="s">
        <v>7</v>
      </c>
    </row>
    <row r="4" spans="1:29" ht="36" customHeight="1" x14ac:dyDescent="0.2">
      <c r="A4" s="36" t="s">
        <v>1</v>
      </c>
      <c r="B4" s="85"/>
      <c r="C4" s="85"/>
      <c r="D4" s="85"/>
      <c r="E4" s="85"/>
      <c r="F4" s="85"/>
      <c r="G4" s="85"/>
      <c r="H4" s="85"/>
      <c r="I4" s="85"/>
      <c r="J4" s="85"/>
      <c r="K4" s="85"/>
      <c r="L4" s="85"/>
      <c r="M4" s="85"/>
      <c r="N4" s="85"/>
      <c r="O4" s="85"/>
      <c r="P4" s="85"/>
      <c r="Q4" s="85"/>
      <c r="R4" s="32" t="s">
        <v>8</v>
      </c>
      <c r="S4" s="5"/>
      <c r="T4" s="5"/>
      <c r="U4" s="99"/>
      <c r="V4" s="99"/>
      <c r="W4" s="99"/>
      <c r="X4" s="99"/>
      <c r="Y4" s="99"/>
      <c r="Z4" s="99"/>
      <c r="AA4" s="99"/>
      <c r="AB4" s="99"/>
      <c r="AC4" s="100"/>
    </row>
    <row r="5" spans="1:29" ht="14.25" customHeight="1" x14ac:dyDescent="0.2">
      <c r="A5" s="40" t="s">
        <v>0</v>
      </c>
      <c r="B5" s="86"/>
      <c r="C5" s="86"/>
      <c r="D5" s="86"/>
      <c r="E5" s="86"/>
      <c r="F5" s="86"/>
      <c r="G5" s="86"/>
      <c r="H5" s="86"/>
      <c r="I5" s="86"/>
      <c r="J5" s="86"/>
      <c r="K5" s="86"/>
      <c r="L5" s="86"/>
      <c r="M5" s="86"/>
      <c r="N5" s="86"/>
      <c r="O5" s="86"/>
      <c r="P5" s="86"/>
      <c r="Q5" s="86"/>
      <c r="R5" s="98"/>
      <c r="S5" s="99"/>
      <c r="T5" s="99"/>
      <c r="U5" s="99"/>
      <c r="V5" s="99"/>
      <c r="W5" s="99"/>
      <c r="X5" s="99"/>
      <c r="Y5" s="99"/>
      <c r="Z5" s="99"/>
      <c r="AA5" s="99"/>
      <c r="AB5" s="99"/>
      <c r="AC5" s="100"/>
    </row>
    <row r="6" spans="1:29" ht="36" customHeight="1" x14ac:dyDescent="0.2">
      <c r="A6" s="38" t="s">
        <v>9</v>
      </c>
      <c r="B6" s="87"/>
      <c r="C6" s="87"/>
      <c r="D6" s="87"/>
      <c r="E6" s="87"/>
      <c r="F6" s="87"/>
      <c r="G6" s="87"/>
      <c r="H6" s="87"/>
      <c r="I6" s="87"/>
      <c r="J6" s="87"/>
      <c r="K6" s="87"/>
      <c r="L6" s="87"/>
      <c r="M6" s="87"/>
      <c r="N6" s="87"/>
      <c r="O6" s="87"/>
      <c r="P6" s="87"/>
      <c r="Q6" s="87"/>
      <c r="R6" s="98"/>
      <c r="S6" s="99"/>
      <c r="T6" s="99"/>
      <c r="U6" s="99"/>
      <c r="V6" s="99"/>
      <c r="W6" s="99"/>
      <c r="X6" s="99"/>
      <c r="Y6" s="99"/>
      <c r="Z6" s="99"/>
      <c r="AA6" s="99"/>
      <c r="AB6" s="99"/>
      <c r="AC6" s="100"/>
    </row>
    <row r="7" spans="1:29" ht="30.75" customHeight="1" x14ac:dyDescent="0.2">
      <c r="A7" s="37" t="s">
        <v>10</v>
      </c>
      <c r="B7" s="74"/>
      <c r="C7" s="75"/>
      <c r="D7" s="75"/>
      <c r="E7" s="75"/>
      <c r="F7" s="75"/>
      <c r="G7" s="76"/>
      <c r="H7" s="95" t="s">
        <v>11</v>
      </c>
      <c r="I7" s="96"/>
      <c r="J7" s="96"/>
      <c r="K7" s="97"/>
      <c r="L7" s="79"/>
      <c r="M7" s="79"/>
      <c r="N7" s="79"/>
      <c r="O7" s="79"/>
      <c r="P7" s="79"/>
      <c r="Q7" s="80"/>
      <c r="R7" s="98"/>
      <c r="S7" s="99"/>
      <c r="T7" s="99"/>
      <c r="U7" s="99"/>
      <c r="V7" s="99"/>
      <c r="W7" s="99"/>
      <c r="X7" s="99"/>
      <c r="Y7" s="99"/>
      <c r="Z7" s="99"/>
      <c r="AA7" s="99"/>
      <c r="AB7" s="99"/>
      <c r="AC7" s="100"/>
    </row>
    <row r="8" spans="1:29" ht="30.75" customHeight="1" x14ac:dyDescent="0.2">
      <c r="A8" s="37" t="s">
        <v>12</v>
      </c>
      <c r="B8" s="82"/>
      <c r="C8" s="82"/>
      <c r="D8" s="82"/>
      <c r="E8" s="83"/>
      <c r="F8" s="30" t="s">
        <v>2</v>
      </c>
      <c r="G8" s="31"/>
      <c r="H8" s="92" t="s">
        <v>13</v>
      </c>
      <c r="I8" s="92"/>
      <c r="J8" s="92"/>
      <c r="K8" s="92"/>
      <c r="L8" s="88"/>
      <c r="M8" s="88"/>
      <c r="N8" s="88"/>
      <c r="O8" s="88"/>
      <c r="P8" s="78"/>
      <c r="Q8" s="7" t="s">
        <v>2</v>
      </c>
      <c r="R8" s="98"/>
      <c r="S8" s="99"/>
      <c r="T8" s="99"/>
      <c r="U8" s="99"/>
      <c r="V8" s="99"/>
      <c r="W8" s="99"/>
      <c r="X8" s="99"/>
      <c r="Y8" s="99"/>
      <c r="Z8" s="99"/>
      <c r="AA8" s="99"/>
      <c r="AB8" s="99"/>
      <c r="AC8" s="100"/>
    </row>
    <row r="9" spans="1:29" ht="30.75" customHeight="1" x14ac:dyDescent="0.2">
      <c r="A9" s="37" t="s">
        <v>14</v>
      </c>
      <c r="B9" s="74"/>
      <c r="C9" s="75"/>
      <c r="D9" s="75"/>
      <c r="E9" s="75"/>
      <c r="F9" s="75"/>
      <c r="G9" s="75"/>
      <c r="H9" s="75"/>
      <c r="I9" s="75"/>
      <c r="J9" s="104"/>
      <c r="K9" s="105" t="s">
        <v>15</v>
      </c>
      <c r="L9" s="106"/>
      <c r="M9" s="106"/>
      <c r="N9" s="106"/>
      <c r="O9" s="106"/>
      <c r="P9" s="106"/>
      <c r="Q9" s="107"/>
      <c r="R9" s="98"/>
      <c r="S9" s="99"/>
      <c r="T9" s="99"/>
      <c r="U9" s="99"/>
      <c r="V9" s="99"/>
      <c r="W9" s="99"/>
      <c r="X9" s="99"/>
      <c r="Y9" s="99"/>
      <c r="Z9" s="99"/>
      <c r="AA9" s="99"/>
      <c r="AB9" s="99"/>
      <c r="AC9" s="100"/>
    </row>
    <row r="10" spans="1:29" ht="30.75" customHeight="1" x14ac:dyDescent="0.2">
      <c r="A10" s="37" t="s">
        <v>16</v>
      </c>
      <c r="B10" s="74"/>
      <c r="C10" s="75"/>
      <c r="D10" s="75"/>
      <c r="E10" s="114" t="s">
        <v>17</v>
      </c>
      <c r="F10" s="114"/>
      <c r="G10" s="115"/>
      <c r="H10" s="108" t="s">
        <v>18</v>
      </c>
      <c r="I10" s="109"/>
      <c r="J10" s="109"/>
      <c r="K10" s="109"/>
      <c r="L10" s="109"/>
      <c r="M10" s="109"/>
      <c r="N10" s="109"/>
      <c r="O10" s="109"/>
      <c r="P10" s="109"/>
      <c r="Q10" s="110"/>
      <c r="R10" s="98"/>
      <c r="S10" s="99"/>
      <c r="T10" s="99"/>
      <c r="U10" s="99"/>
      <c r="V10" s="99"/>
      <c r="W10" s="99"/>
      <c r="X10" s="99"/>
      <c r="Y10" s="99"/>
      <c r="Z10" s="99"/>
      <c r="AA10" s="99"/>
      <c r="AB10" s="99"/>
      <c r="AC10" s="100"/>
    </row>
    <row r="11" spans="1:29" ht="30.75" customHeight="1" x14ac:dyDescent="0.2">
      <c r="A11" s="37" t="s">
        <v>19</v>
      </c>
      <c r="B11" s="74"/>
      <c r="C11" s="75"/>
      <c r="D11" s="75"/>
      <c r="E11" s="75" t="s">
        <v>20</v>
      </c>
      <c r="F11" s="75"/>
      <c r="G11" s="76"/>
      <c r="H11" s="77" t="s">
        <v>21</v>
      </c>
      <c r="I11" s="77"/>
      <c r="J11" s="77"/>
      <c r="K11" s="77"/>
      <c r="L11" s="78"/>
      <c r="M11" s="79"/>
      <c r="N11" s="79"/>
      <c r="O11" s="79"/>
      <c r="P11" s="79"/>
      <c r="Q11" s="80"/>
      <c r="R11" s="101"/>
      <c r="S11" s="102"/>
      <c r="T11" s="102"/>
      <c r="U11" s="102"/>
      <c r="V11" s="102"/>
      <c r="W11" s="102"/>
      <c r="X11" s="102"/>
      <c r="Y11" s="102"/>
      <c r="Z11" s="102"/>
      <c r="AA11" s="102"/>
      <c r="AB11" s="102"/>
      <c r="AC11" s="103"/>
    </row>
    <row r="12" spans="1:29" ht="81.75" customHeight="1" x14ac:dyDescent="0.2">
      <c r="A12" s="46" t="s">
        <v>22</v>
      </c>
      <c r="B12" s="36" t="s">
        <v>23</v>
      </c>
      <c r="C12" s="72"/>
      <c r="D12" s="73"/>
      <c r="E12" s="73"/>
      <c r="F12" s="73"/>
      <c r="G12" s="73"/>
      <c r="H12" s="73"/>
      <c r="I12" s="73"/>
      <c r="J12" s="73"/>
      <c r="K12" s="73"/>
      <c r="L12" s="73"/>
      <c r="M12" s="73"/>
      <c r="N12" s="73"/>
      <c r="O12" s="73"/>
      <c r="P12" s="73"/>
      <c r="Q12" s="73"/>
      <c r="R12" s="73"/>
      <c r="S12" s="73"/>
      <c r="T12" s="73"/>
      <c r="U12" s="73"/>
      <c r="V12" s="73"/>
      <c r="W12" s="73"/>
      <c r="X12" s="73"/>
      <c r="Y12" s="73"/>
      <c r="Z12" s="73"/>
      <c r="AA12" s="73"/>
      <c r="AB12" s="73"/>
      <c r="AC12" s="29">
        <f>LEN(C12)</f>
        <v>0</v>
      </c>
    </row>
    <row r="13" spans="1:29" ht="30.75" customHeight="1" x14ac:dyDescent="0.2">
      <c r="A13" s="47"/>
      <c r="B13" s="37" t="s">
        <v>24</v>
      </c>
      <c r="C13" s="52"/>
      <c r="D13" s="53"/>
      <c r="E13" s="53"/>
      <c r="F13" s="53"/>
      <c r="G13" s="53"/>
      <c r="H13" s="53"/>
      <c r="I13" s="53"/>
      <c r="J13" s="53"/>
      <c r="K13" s="53"/>
      <c r="L13" s="53"/>
      <c r="M13" s="53"/>
      <c r="N13" s="53"/>
      <c r="O13" s="53"/>
      <c r="P13" s="53"/>
      <c r="Q13" s="53"/>
      <c r="R13" s="53"/>
      <c r="S13" s="53"/>
      <c r="T13" s="53"/>
      <c r="U13" s="53"/>
      <c r="V13" s="53"/>
      <c r="W13" s="53"/>
      <c r="X13" s="53"/>
      <c r="Y13" s="53"/>
      <c r="Z13" s="53"/>
      <c r="AA13" s="53"/>
      <c r="AB13" s="53"/>
      <c r="AC13" s="54"/>
    </row>
    <row r="14" spans="1:29" ht="30.75" customHeight="1" x14ac:dyDescent="0.2">
      <c r="A14" s="47"/>
      <c r="B14" s="37" t="s">
        <v>25</v>
      </c>
      <c r="C14" s="52"/>
      <c r="D14" s="53"/>
      <c r="E14" s="53"/>
      <c r="F14" s="53"/>
      <c r="G14" s="53"/>
      <c r="H14" s="53"/>
      <c r="I14" s="53"/>
      <c r="J14" s="53"/>
      <c r="K14" s="53"/>
      <c r="L14" s="53"/>
      <c r="M14" s="53"/>
      <c r="N14" s="53"/>
      <c r="O14" s="53"/>
      <c r="P14" s="53"/>
      <c r="Q14" s="53"/>
      <c r="R14" s="53"/>
      <c r="S14" s="53"/>
      <c r="T14" s="53"/>
      <c r="U14" s="53"/>
      <c r="V14" s="53"/>
      <c r="W14" s="53"/>
      <c r="X14" s="53"/>
      <c r="Y14" s="53"/>
      <c r="Z14" s="53"/>
      <c r="AA14" s="53"/>
      <c r="AB14" s="53"/>
      <c r="AC14" s="54"/>
    </row>
    <row r="15" spans="1:29" ht="30.75" customHeight="1" x14ac:dyDescent="0.2">
      <c r="A15" s="47"/>
      <c r="B15" s="37" t="s">
        <v>26</v>
      </c>
      <c r="C15" s="52"/>
      <c r="D15" s="53"/>
      <c r="E15" s="53"/>
      <c r="F15" s="53"/>
      <c r="G15" s="53"/>
      <c r="H15" s="53"/>
      <c r="I15" s="53"/>
      <c r="J15" s="53"/>
      <c r="K15" s="53"/>
      <c r="L15" s="53"/>
      <c r="M15" s="53"/>
      <c r="N15" s="53"/>
      <c r="O15" s="53"/>
      <c r="P15" s="53"/>
      <c r="Q15" s="53"/>
      <c r="R15" s="53"/>
      <c r="S15" s="53"/>
      <c r="T15" s="53"/>
      <c r="U15" s="53"/>
      <c r="V15" s="53"/>
      <c r="W15" s="53"/>
      <c r="X15" s="53"/>
      <c r="Y15" s="53"/>
      <c r="Z15" s="53"/>
      <c r="AA15" s="53"/>
      <c r="AB15" s="53"/>
      <c r="AC15" s="54"/>
    </row>
    <row r="16" spans="1:29" ht="44.25" customHeight="1" x14ac:dyDescent="0.2">
      <c r="A16" s="47"/>
      <c r="B16" s="37" t="s">
        <v>27</v>
      </c>
      <c r="C16" s="52"/>
      <c r="D16" s="53"/>
      <c r="E16" s="53"/>
      <c r="F16" s="53"/>
      <c r="G16" s="53"/>
      <c r="H16" s="53"/>
      <c r="I16" s="53"/>
      <c r="J16" s="53"/>
      <c r="K16" s="53"/>
      <c r="L16" s="53"/>
      <c r="M16" s="53"/>
      <c r="N16" s="53"/>
      <c r="O16" s="53"/>
      <c r="P16" s="53"/>
      <c r="Q16" s="53"/>
      <c r="R16" s="53"/>
      <c r="S16" s="53"/>
      <c r="T16" s="53"/>
      <c r="U16" s="53"/>
      <c r="V16" s="53"/>
      <c r="W16" s="53"/>
      <c r="X16" s="53"/>
      <c r="Y16" s="53"/>
      <c r="Z16" s="53"/>
      <c r="AA16" s="53"/>
      <c r="AB16" s="53"/>
      <c r="AC16" s="54"/>
    </row>
    <row r="17" spans="1:29" ht="28.5" customHeight="1" x14ac:dyDescent="0.2">
      <c r="A17" s="47"/>
      <c r="B17" s="46" t="s">
        <v>28</v>
      </c>
      <c r="C17" s="66"/>
      <c r="D17" s="67"/>
      <c r="E17" s="67"/>
      <c r="F17" s="67"/>
      <c r="G17" s="67"/>
      <c r="H17" s="67"/>
      <c r="I17" s="67"/>
      <c r="J17" s="67"/>
      <c r="K17" s="67"/>
      <c r="L17" s="67"/>
      <c r="M17" s="67"/>
      <c r="N17" s="67"/>
      <c r="O17" s="67"/>
      <c r="P17" s="67"/>
      <c r="Q17" s="67"/>
      <c r="R17" s="67"/>
      <c r="S17" s="67"/>
      <c r="T17" s="67"/>
      <c r="U17" s="67"/>
      <c r="V17" s="67"/>
      <c r="W17" s="67"/>
      <c r="X17" s="67"/>
      <c r="Y17" s="67"/>
      <c r="Z17" s="67"/>
      <c r="AA17" s="67"/>
      <c r="AB17" s="67"/>
      <c r="AC17" s="68"/>
    </row>
    <row r="18" spans="1:29" ht="30.75" customHeight="1" x14ac:dyDescent="0.2">
      <c r="A18" s="47"/>
      <c r="B18" s="47"/>
      <c r="C18" s="69"/>
      <c r="D18" s="70"/>
      <c r="E18" s="70"/>
      <c r="F18" s="70"/>
      <c r="G18" s="70"/>
      <c r="H18" s="70"/>
      <c r="I18" s="70"/>
      <c r="J18" s="70"/>
      <c r="K18" s="70"/>
      <c r="L18" s="70"/>
      <c r="M18" s="70"/>
      <c r="N18" s="70"/>
      <c r="O18" s="70"/>
      <c r="P18" s="70"/>
      <c r="Q18" s="70"/>
      <c r="R18" s="70"/>
      <c r="S18" s="70"/>
      <c r="T18" s="70"/>
      <c r="U18" s="70"/>
      <c r="V18" s="70"/>
      <c r="W18" s="70"/>
      <c r="X18" s="70"/>
      <c r="Y18" s="70"/>
      <c r="Z18" s="70"/>
      <c r="AA18" s="70"/>
      <c r="AB18" s="70"/>
      <c r="AC18" s="71"/>
    </row>
    <row r="19" spans="1:29" ht="30.75" customHeight="1" x14ac:dyDescent="0.2">
      <c r="A19" s="48"/>
      <c r="B19" s="39" t="s">
        <v>29</v>
      </c>
      <c r="C19" s="63"/>
      <c r="D19" s="64"/>
      <c r="E19" s="64"/>
      <c r="F19" s="64"/>
      <c r="G19" s="65"/>
      <c r="H19" s="49" t="s">
        <v>30</v>
      </c>
      <c r="I19" s="50"/>
      <c r="J19" s="50"/>
      <c r="K19" s="50"/>
      <c r="L19" s="50"/>
      <c r="M19" s="50"/>
      <c r="N19" s="51"/>
      <c r="O19" s="128" t="s">
        <v>31</v>
      </c>
      <c r="P19" s="129"/>
      <c r="Q19" s="129"/>
      <c r="R19" s="129"/>
      <c r="S19" s="130"/>
      <c r="T19" s="131"/>
      <c r="U19" s="132"/>
      <c r="V19" s="132"/>
      <c r="W19" s="132"/>
      <c r="X19" s="132"/>
      <c r="Y19" s="132"/>
      <c r="Z19" s="132"/>
      <c r="AA19" s="132"/>
      <c r="AB19" s="132"/>
      <c r="AC19" s="133"/>
    </row>
    <row r="20" spans="1:29" ht="5.25" customHeight="1" x14ac:dyDescent="0.2">
      <c r="A20" s="47" t="s">
        <v>32</v>
      </c>
      <c r="B20" s="46" t="s">
        <v>33</v>
      </c>
      <c r="C20" s="6"/>
      <c r="D20" s="6"/>
      <c r="E20" s="6"/>
      <c r="F20" s="6"/>
      <c r="G20" s="6"/>
      <c r="H20" s="6"/>
      <c r="I20" s="6"/>
      <c r="J20" s="6"/>
      <c r="K20" s="6"/>
      <c r="L20" s="6"/>
      <c r="M20" s="6"/>
      <c r="N20" s="6"/>
      <c r="O20" s="5"/>
      <c r="P20" s="5"/>
      <c r="Q20" s="5"/>
      <c r="R20" s="5"/>
      <c r="S20" s="5"/>
      <c r="T20" s="5"/>
      <c r="U20" s="5"/>
      <c r="V20" s="5"/>
      <c r="W20" s="5"/>
      <c r="X20" s="5"/>
      <c r="Y20" s="5"/>
      <c r="Z20" s="5"/>
      <c r="AA20" s="5"/>
      <c r="AB20" s="5"/>
      <c r="AC20" s="22"/>
    </row>
    <row r="21" spans="1:29" ht="30.75" customHeight="1" x14ac:dyDescent="0.2">
      <c r="A21" s="47"/>
      <c r="B21" s="47"/>
      <c r="C21" s="6"/>
      <c r="D21" s="44"/>
      <c r="E21" s="9" t="s">
        <v>34</v>
      </c>
      <c r="F21" s="6"/>
      <c r="G21" s="6"/>
      <c r="H21" s="6"/>
      <c r="I21" s="44"/>
      <c r="J21" s="9" t="s">
        <v>35</v>
      </c>
      <c r="K21" s="6"/>
      <c r="L21" s="6"/>
      <c r="M21" s="6"/>
      <c r="N21" s="44"/>
      <c r="O21" s="5"/>
      <c r="P21" s="5" t="s">
        <v>36</v>
      </c>
      <c r="Q21" s="5"/>
      <c r="R21" s="5"/>
      <c r="S21" s="5"/>
      <c r="T21" s="5"/>
      <c r="U21" s="5"/>
      <c r="V21" s="44"/>
      <c r="W21" s="5" t="s">
        <v>37</v>
      </c>
      <c r="X21" s="5"/>
      <c r="Y21" s="5"/>
      <c r="Z21" s="44"/>
      <c r="AA21" s="9" t="s">
        <v>38</v>
      </c>
      <c r="AB21" s="5"/>
      <c r="AC21" s="22"/>
    </row>
    <row r="22" spans="1:29" ht="30.75" customHeight="1" x14ac:dyDescent="0.2">
      <c r="A22" s="47"/>
      <c r="B22" s="47"/>
      <c r="C22" s="6"/>
      <c r="D22" s="44"/>
      <c r="E22" s="9" t="s">
        <v>39</v>
      </c>
      <c r="F22" s="6"/>
      <c r="G22" s="6"/>
      <c r="H22" s="6"/>
      <c r="I22" s="6"/>
      <c r="J22" s="44"/>
      <c r="K22" s="5" t="s">
        <v>40</v>
      </c>
      <c r="L22" s="6"/>
      <c r="M22" s="6"/>
      <c r="N22" s="10"/>
      <c r="O22" s="5"/>
      <c r="P22" s="5"/>
      <c r="Q22" s="5"/>
      <c r="R22" s="5"/>
      <c r="S22" s="44"/>
      <c r="T22" s="5" t="s">
        <v>41</v>
      </c>
      <c r="U22" s="5"/>
      <c r="V22" s="55"/>
      <c r="W22" s="55"/>
      <c r="X22" s="55"/>
      <c r="Y22" s="55"/>
      <c r="Z22" s="55"/>
      <c r="AA22" s="55"/>
      <c r="AB22" s="55"/>
      <c r="AC22" s="56"/>
    </row>
    <row r="23" spans="1:29" ht="4.5" customHeight="1" x14ac:dyDescent="0.2">
      <c r="A23" s="47"/>
      <c r="B23" s="48"/>
      <c r="C23" s="6"/>
      <c r="D23" s="6"/>
      <c r="E23" s="9"/>
      <c r="F23" s="6"/>
      <c r="G23" s="6"/>
      <c r="H23" s="6"/>
      <c r="I23" s="6"/>
      <c r="J23" s="6"/>
      <c r="K23" s="6"/>
      <c r="L23" s="6"/>
      <c r="M23" s="6"/>
      <c r="N23" s="6"/>
      <c r="O23" s="5"/>
      <c r="P23" s="5"/>
      <c r="Q23" s="5"/>
      <c r="R23" s="5"/>
      <c r="S23" s="5"/>
      <c r="T23" s="5"/>
      <c r="U23" s="5"/>
      <c r="V23" s="5"/>
      <c r="W23" s="5"/>
      <c r="X23" s="5"/>
      <c r="Y23" s="5"/>
      <c r="Z23" s="5"/>
      <c r="AA23" s="5"/>
      <c r="AB23" s="5"/>
      <c r="AC23" s="22"/>
    </row>
    <row r="24" spans="1:29" ht="42" customHeight="1" x14ac:dyDescent="0.2">
      <c r="A24" s="47"/>
      <c r="B24" s="37" t="s">
        <v>42</v>
      </c>
      <c r="C24" s="116"/>
      <c r="D24" s="117"/>
      <c r="E24" s="117"/>
      <c r="F24" s="117"/>
      <c r="G24" s="117"/>
      <c r="H24" s="117"/>
      <c r="I24" s="117"/>
      <c r="J24" s="117"/>
      <c r="K24" s="117"/>
      <c r="L24" s="117"/>
      <c r="M24" s="117"/>
      <c r="N24" s="117"/>
      <c r="O24" s="117"/>
      <c r="P24" s="117"/>
      <c r="Q24" s="117"/>
      <c r="R24" s="117"/>
      <c r="S24" s="117"/>
      <c r="T24" s="117"/>
      <c r="U24" s="117"/>
      <c r="V24" s="117"/>
      <c r="W24" s="117"/>
      <c r="X24" s="117"/>
      <c r="Y24" s="117"/>
      <c r="Z24" s="117"/>
      <c r="AA24" s="117"/>
      <c r="AB24" s="117"/>
      <c r="AC24" s="118"/>
    </row>
    <row r="25" spans="1:29" ht="30.75" customHeight="1" x14ac:dyDescent="0.2">
      <c r="A25" s="47"/>
      <c r="B25" s="35" t="s">
        <v>43</v>
      </c>
      <c r="C25" s="125"/>
      <c r="D25" s="126"/>
      <c r="E25" s="126"/>
      <c r="F25" s="126"/>
      <c r="G25" s="126"/>
      <c r="H25" s="126"/>
      <c r="I25" s="126"/>
      <c r="J25" s="126"/>
      <c r="K25" s="126"/>
      <c r="L25" s="126"/>
      <c r="M25" s="126"/>
      <c r="N25" s="126"/>
      <c r="O25" s="127"/>
      <c r="P25" s="119"/>
      <c r="Q25" s="120"/>
      <c r="R25" s="120"/>
      <c r="S25" s="120"/>
      <c r="T25" s="120"/>
      <c r="U25" s="120"/>
      <c r="V25" s="120"/>
      <c r="W25" s="120"/>
      <c r="X25" s="120"/>
      <c r="Y25" s="120"/>
      <c r="Z25" s="120"/>
      <c r="AA25" s="120"/>
      <c r="AB25" s="120"/>
      <c r="AC25" s="121"/>
    </row>
    <row r="26" spans="1:29" ht="30.75" customHeight="1" x14ac:dyDescent="0.2">
      <c r="A26" s="47"/>
      <c r="B26" s="43" t="s">
        <v>44</v>
      </c>
      <c r="C26" s="57"/>
      <c r="D26" s="58"/>
      <c r="E26" s="58"/>
      <c r="F26" s="58"/>
      <c r="G26" s="58"/>
      <c r="H26" s="58"/>
      <c r="I26" s="58"/>
      <c r="J26" s="58"/>
      <c r="K26" s="58"/>
      <c r="L26" s="58"/>
      <c r="M26" s="58"/>
      <c r="N26" s="58"/>
      <c r="O26" s="58"/>
      <c r="P26" s="58"/>
      <c r="Q26" s="58"/>
      <c r="R26" s="58"/>
      <c r="S26" s="58"/>
      <c r="T26" s="58"/>
      <c r="U26" s="58"/>
      <c r="V26" s="58"/>
      <c r="W26" s="58"/>
      <c r="X26" s="58"/>
      <c r="Y26" s="58"/>
      <c r="Z26" s="58"/>
      <c r="AA26" s="58"/>
      <c r="AB26" s="58"/>
      <c r="AC26" s="59"/>
    </row>
    <row r="27" spans="1:29" ht="4.5" customHeight="1" x14ac:dyDescent="0.2">
      <c r="A27" s="46" t="s">
        <v>45</v>
      </c>
      <c r="B27" s="46" t="s">
        <v>46</v>
      </c>
      <c r="C27" s="11"/>
      <c r="D27" s="12"/>
      <c r="E27" s="12"/>
      <c r="F27" s="12"/>
      <c r="G27" s="12"/>
      <c r="H27" s="12"/>
      <c r="I27" s="18"/>
      <c r="J27" s="18"/>
      <c r="K27" s="18"/>
      <c r="L27" s="21"/>
      <c r="M27" s="21"/>
      <c r="N27" s="21"/>
      <c r="O27" s="21"/>
      <c r="P27" s="21"/>
      <c r="Q27" s="21"/>
      <c r="R27" s="21"/>
      <c r="S27" s="21"/>
      <c r="T27" s="21"/>
      <c r="U27" s="21"/>
      <c r="V27" s="21"/>
      <c r="W27" s="21"/>
      <c r="X27" s="21"/>
      <c r="Y27" s="21"/>
      <c r="Z27" s="21"/>
      <c r="AA27" s="21"/>
      <c r="AB27" s="21"/>
      <c r="AC27" s="24"/>
    </row>
    <row r="28" spans="1:29" ht="30.75" customHeight="1" x14ac:dyDescent="0.2">
      <c r="A28" s="47"/>
      <c r="B28" s="47"/>
      <c r="C28" s="19"/>
      <c r="D28" s="44"/>
      <c r="E28" s="14" t="s">
        <v>47</v>
      </c>
      <c r="F28" s="14"/>
      <c r="G28" s="14"/>
      <c r="H28" s="44"/>
      <c r="I28" s="14" t="s">
        <v>48</v>
      </c>
      <c r="J28" s="14"/>
      <c r="K28" s="13"/>
      <c r="L28" s="13"/>
      <c r="M28" s="44"/>
      <c r="N28" s="5" t="s">
        <v>49</v>
      </c>
      <c r="O28" s="5"/>
      <c r="P28" s="5"/>
      <c r="Q28" s="5"/>
      <c r="R28" s="44"/>
      <c r="S28" s="14" t="s">
        <v>50</v>
      </c>
      <c r="T28" s="5"/>
      <c r="U28" s="5"/>
      <c r="V28" s="5"/>
      <c r="W28" s="44"/>
      <c r="X28" s="5" t="s">
        <v>51</v>
      </c>
      <c r="Y28" s="5"/>
      <c r="Z28" s="5"/>
      <c r="AA28" s="5"/>
      <c r="AB28" s="5"/>
      <c r="AC28" s="22"/>
    </row>
    <row r="29" spans="1:29" ht="30.75" customHeight="1" x14ac:dyDescent="0.2">
      <c r="A29" s="47"/>
      <c r="B29" s="47"/>
      <c r="C29" s="19"/>
      <c r="D29" s="44"/>
      <c r="E29" s="14" t="s">
        <v>45</v>
      </c>
      <c r="F29" s="14"/>
      <c r="G29" s="14" t="s">
        <v>52</v>
      </c>
      <c r="H29" s="81"/>
      <c r="I29" s="81"/>
      <c r="J29" s="81"/>
      <c r="K29" s="81"/>
      <c r="L29" s="81"/>
      <c r="M29" s="81"/>
      <c r="N29" s="81"/>
      <c r="O29" s="81"/>
      <c r="P29" s="81"/>
      <c r="Q29" s="81"/>
      <c r="R29" s="81"/>
      <c r="S29" s="14" t="s">
        <v>53</v>
      </c>
      <c r="T29" s="14"/>
      <c r="U29" s="14"/>
      <c r="V29" s="14"/>
      <c r="W29" s="14"/>
      <c r="X29" s="14"/>
      <c r="Y29" s="14"/>
      <c r="Z29" s="14"/>
      <c r="AA29" s="5"/>
      <c r="AB29" s="5"/>
      <c r="AC29" s="22"/>
    </row>
    <row r="30" spans="1:29" ht="4.5" customHeight="1" x14ac:dyDescent="0.2">
      <c r="A30" s="47"/>
      <c r="B30" s="48"/>
      <c r="C30" s="15"/>
      <c r="D30" s="16"/>
      <c r="E30" s="16"/>
      <c r="F30" s="16"/>
      <c r="G30" s="16"/>
      <c r="H30" s="16"/>
      <c r="I30" s="16"/>
      <c r="J30" s="16"/>
      <c r="K30" s="20"/>
      <c r="L30" s="8"/>
      <c r="M30" s="42"/>
      <c r="N30" s="8"/>
      <c r="O30" s="8"/>
      <c r="P30" s="8"/>
      <c r="Q30" s="8"/>
      <c r="R30" s="8"/>
      <c r="S30" s="8"/>
      <c r="T30" s="8"/>
      <c r="U30" s="8"/>
      <c r="V30" s="8"/>
      <c r="W30" s="8"/>
      <c r="X30" s="8"/>
      <c r="Y30" s="8"/>
      <c r="Z30" s="8"/>
      <c r="AA30" s="8"/>
      <c r="AB30" s="8"/>
      <c r="AC30" s="23"/>
    </row>
    <row r="31" spans="1:29" ht="30.75" customHeight="1" x14ac:dyDescent="0.2">
      <c r="A31" s="48"/>
      <c r="B31" s="41" t="s">
        <v>54</v>
      </c>
      <c r="C31" s="60"/>
      <c r="D31" s="61"/>
      <c r="E31" s="61"/>
      <c r="F31" s="62"/>
      <c r="G31" s="122"/>
      <c r="H31" s="123"/>
      <c r="I31" s="123"/>
      <c r="J31" s="123"/>
      <c r="K31" s="123"/>
      <c r="L31" s="123"/>
      <c r="M31" s="123"/>
      <c r="N31" s="123"/>
      <c r="O31" s="123"/>
      <c r="P31" s="123"/>
      <c r="Q31" s="123"/>
      <c r="R31" s="123"/>
      <c r="S31" s="123"/>
      <c r="T31" s="123"/>
      <c r="U31" s="123"/>
      <c r="V31" s="123"/>
      <c r="W31" s="123"/>
      <c r="X31" s="123"/>
      <c r="Y31" s="123"/>
      <c r="Z31" s="123"/>
      <c r="AA31" s="123"/>
      <c r="AB31" s="123"/>
      <c r="AC31" s="124"/>
    </row>
    <row r="32" spans="1:29" ht="6.75" customHeight="1" x14ac:dyDescent="0.2">
      <c r="A32" s="33"/>
    </row>
    <row r="33" spans="1:2" ht="30.75" customHeight="1" x14ac:dyDescent="0.2">
      <c r="A33" s="34"/>
    </row>
    <row r="34" spans="1:2" ht="30.75" customHeight="1" x14ac:dyDescent="0.2">
      <c r="A34" s="34"/>
      <c r="B34" s="17"/>
    </row>
    <row r="35" spans="1:2" ht="30.75" customHeight="1" x14ac:dyDescent="0.2">
      <c r="B35" s="2"/>
    </row>
    <row r="36" spans="1:2" ht="30.75" customHeight="1" x14ac:dyDescent="0.2">
      <c r="B36" s="2"/>
    </row>
    <row r="37" spans="1:2" ht="30.75" customHeight="1" x14ac:dyDescent="0.2">
      <c r="B37" s="2"/>
    </row>
    <row r="38" spans="1:2" x14ac:dyDescent="0.2">
      <c r="B38" s="2"/>
    </row>
    <row r="39" spans="1:2" x14ac:dyDescent="0.2">
      <c r="B39" s="2"/>
    </row>
    <row r="40" spans="1:2" x14ac:dyDescent="0.2">
      <c r="B40" s="2"/>
    </row>
    <row r="41" spans="1:2" x14ac:dyDescent="0.2">
      <c r="B41" s="2"/>
    </row>
    <row r="42" spans="1:2" x14ac:dyDescent="0.2">
      <c r="B42" s="2"/>
    </row>
    <row r="43" spans="1:2" x14ac:dyDescent="0.2">
      <c r="B43" s="2"/>
    </row>
    <row r="44" spans="1:2" x14ac:dyDescent="0.2">
      <c r="B44" s="2"/>
    </row>
    <row r="45" spans="1:2" x14ac:dyDescent="0.2">
      <c r="B45" s="2"/>
    </row>
    <row r="46" spans="1:2" x14ac:dyDescent="0.2">
      <c r="B46" s="2"/>
    </row>
    <row r="47" spans="1:2" x14ac:dyDescent="0.2">
      <c r="B47" s="2"/>
    </row>
    <row r="48" spans="1:2" x14ac:dyDescent="0.2">
      <c r="B48" s="2"/>
    </row>
  </sheetData>
  <mergeCells count="51">
    <mergeCell ref="C24:AC24"/>
    <mergeCell ref="P25:AC25"/>
    <mergeCell ref="G31:AC31"/>
    <mergeCell ref="C25:O25"/>
    <mergeCell ref="O19:S19"/>
    <mergeCell ref="T19:AC19"/>
    <mergeCell ref="H29:R29"/>
    <mergeCell ref="B9:J9"/>
    <mergeCell ref="K9:Q9"/>
    <mergeCell ref="H10:Q10"/>
    <mergeCell ref="A1:F1"/>
    <mergeCell ref="B7:G7"/>
    <mergeCell ref="E10:G10"/>
    <mergeCell ref="B10:D10"/>
    <mergeCell ref="W1:AC1"/>
    <mergeCell ref="B8:E8"/>
    <mergeCell ref="B3:Q3"/>
    <mergeCell ref="B4:Q4"/>
    <mergeCell ref="B5:Q5"/>
    <mergeCell ref="B6:Q6"/>
    <mergeCell ref="L7:Q7"/>
    <mergeCell ref="L8:P8"/>
    <mergeCell ref="AA3:AB3"/>
    <mergeCell ref="U3:V3"/>
    <mergeCell ref="X3:Y3"/>
    <mergeCell ref="H8:K8"/>
    <mergeCell ref="R3:T3"/>
    <mergeCell ref="H7:K7"/>
    <mergeCell ref="R5:AC11"/>
    <mergeCell ref="U4:AC4"/>
    <mergeCell ref="C16:AC16"/>
    <mergeCell ref="B11:D11"/>
    <mergeCell ref="E11:G11"/>
    <mergeCell ref="H11:K11"/>
    <mergeCell ref="L11:Q11"/>
    <mergeCell ref="A27:A31"/>
    <mergeCell ref="H19:N19"/>
    <mergeCell ref="C14:AC14"/>
    <mergeCell ref="C15:AC15"/>
    <mergeCell ref="V22:AC22"/>
    <mergeCell ref="C26:AC26"/>
    <mergeCell ref="B20:B23"/>
    <mergeCell ref="A20:A26"/>
    <mergeCell ref="A12:A19"/>
    <mergeCell ref="B27:B30"/>
    <mergeCell ref="C31:F31"/>
    <mergeCell ref="C19:G19"/>
    <mergeCell ref="C17:AC18"/>
    <mergeCell ref="B17:B18"/>
    <mergeCell ref="C12:AB12"/>
    <mergeCell ref="C13:AC13"/>
  </mergeCells>
  <phoneticPr fontId="3"/>
  <dataValidations count="2">
    <dataValidation type="list" allowBlank="1" showInputMessage="1" showErrorMessage="1" sqref="WLS983029 B65525 IZ65525 SV65525 ACR65525 AMN65525 AWJ65525 BGF65525 BQB65525 BZX65525 CJT65525 CTP65525 DDL65525 DNH65525 DXD65525 EGZ65525 EQV65525 FAR65525 FKN65525 FUJ65525 GEF65525 GOB65525 GXX65525 HHT65525 HRP65525 IBL65525 ILH65525 IVD65525 JEZ65525 JOV65525 JYR65525 KIN65525 KSJ65525 LCF65525 LMB65525 LVX65525 MFT65525 MPP65525 MZL65525 NJH65525 NTD65525 OCZ65525 OMV65525 OWR65525 PGN65525 PQJ65525 QAF65525 QKB65525 QTX65525 RDT65525 RNP65525 RXL65525 SHH65525 SRD65525 TAZ65525 TKV65525 TUR65525 UEN65525 UOJ65525 UYF65525 VIB65525 VRX65525 WBT65525 WLP65525 WVL65525 B131061 IZ131061 SV131061 ACR131061 AMN131061 AWJ131061 BGF131061 BQB131061 BZX131061 CJT131061 CTP131061 DDL131061 DNH131061 DXD131061 EGZ131061 EQV131061 FAR131061 FKN131061 FUJ131061 GEF131061 GOB131061 GXX131061 HHT131061 HRP131061 IBL131061 ILH131061 IVD131061 JEZ131061 JOV131061 JYR131061 KIN131061 KSJ131061 LCF131061 LMB131061 LVX131061 MFT131061 MPP131061 MZL131061 NJH131061 NTD131061 OCZ131061 OMV131061 OWR131061 PGN131061 PQJ131061 QAF131061 QKB131061 QTX131061 RDT131061 RNP131061 RXL131061 SHH131061 SRD131061 TAZ131061 TKV131061 TUR131061 UEN131061 UOJ131061 UYF131061 VIB131061 VRX131061 WBT131061 WLP131061 WVL131061 B196597 IZ196597 SV196597 ACR196597 AMN196597 AWJ196597 BGF196597 BQB196597 BZX196597 CJT196597 CTP196597 DDL196597 DNH196597 DXD196597 EGZ196597 EQV196597 FAR196597 FKN196597 FUJ196597 GEF196597 GOB196597 GXX196597 HHT196597 HRP196597 IBL196597 ILH196597 IVD196597 JEZ196597 JOV196597 JYR196597 KIN196597 KSJ196597 LCF196597 LMB196597 LVX196597 MFT196597 MPP196597 MZL196597 NJH196597 NTD196597 OCZ196597 OMV196597 OWR196597 PGN196597 PQJ196597 QAF196597 QKB196597 QTX196597 RDT196597 RNP196597 RXL196597 SHH196597 SRD196597 TAZ196597 TKV196597 TUR196597 UEN196597 UOJ196597 UYF196597 VIB196597 VRX196597 WBT196597 WLP196597 WVL196597 B262133 IZ262133 SV262133 ACR262133 AMN262133 AWJ262133 BGF262133 BQB262133 BZX262133 CJT262133 CTP262133 DDL262133 DNH262133 DXD262133 EGZ262133 EQV262133 FAR262133 FKN262133 FUJ262133 GEF262133 GOB262133 GXX262133 HHT262133 HRP262133 IBL262133 ILH262133 IVD262133 JEZ262133 JOV262133 JYR262133 KIN262133 KSJ262133 LCF262133 LMB262133 LVX262133 MFT262133 MPP262133 MZL262133 NJH262133 NTD262133 OCZ262133 OMV262133 OWR262133 PGN262133 PQJ262133 QAF262133 QKB262133 QTX262133 RDT262133 RNP262133 RXL262133 SHH262133 SRD262133 TAZ262133 TKV262133 TUR262133 UEN262133 UOJ262133 UYF262133 VIB262133 VRX262133 WBT262133 WLP262133 WVL262133 B327669 IZ327669 SV327669 ACR327669 AMN327669 AWJ327669 BGF327669 BQB327669 BZX327669 CJT327669 CTP327669 DDL327669 DNH327669 DXD327669 EGZ327669 EQV327669 FAR327669 FKN327669 FUJ327669 GEF327669 GOB327669 GXX327669 HHT327669 HRP327669 IBL327669 ILH327669 IVD327669 JEZ327669 JOV327669 JYR327669 KIN327669 KSJ327669 LCF327669 LMB327669 LVX327669 MFT327669 MPP327669 MZL327669 NJH327669 NTD327669 OCZ327669 OMV327669 OWR327669 PGN327669 PQJ327669 QAF327669 QKB327669 QTX327669 RDT327669 RNP327669 RXL327669 SHH327669 SRD327669 TAZ327669 TKV327669 TUR327669 UEN327669 UOJ327669 UYF327669 VIB327669 VRX327669 WBT327669 WLP327669 WVL327669 B393205 IZ393205 SV393205 ACR393205 AMN393205 AWJ393205 BGF393205 BQB393205 BZX393205 CJT393205 CTP393205 DDL393205 DNH393205 DXD393205 EGZ393205 EQV393205 FAR393205 FKN393205 FUJ393205 GEF393205 GOB393205 GXX393205 HHT393205 HRP393205 IBL393205 ILH393205 IVD393205 JEZ393205 JOV393205 JYR393205 KIN393205 KSJ393205 LCF393205 LMB393205 LVX393205 MFT393205 MPP393205 MZL393205 NJH393205 NTD393205 OCZ393205 OMV393205 OWR393205 PGN393205 PQJ393205 QAF393205 QKB393205 QTX393205 RDT393205 RNP393205 RXL393205 SHH393205 SRD393205 TAZ393205 TKV393205 TUR393205 UEN393205 UOJ393205 UYF393205 VIB393205 VRX393205 WBT393205 WLP393205 WVL393205 B458741 IZ458741 SV458741 ACR458741 AMN458741 AWJ458741 BGF458741 BQB458741 BZX458741 CJT458741 CTP458741 DDL458741 DNH458741 DXD458741 EGZ458741 EQV458741 FAR458741 FKN458741 FUJ458741 GEF458741 GOB458741 GXX458741 HHT458741 HRP458741 IBL458741 ILH458741 IVD458741 JEZ458741 JOV458741 JYR458741 KIN458741 KSJ458741 LCF458741 LMB458741 LVX458741 MFT458741 MPP458741 MZL458741 NJH458741 NTD458741 OCZ458741 OMV458741 OWR458741 PGN458741 PQJ458741 QAF458741 QKB458741 QTX458741 RDT458741 RNP458741 RXL458741 SHH458741 SRD458741 TAZ458741 TKV458741 TUR458741 UEN458741 UOJ458741 UYF458741 VIB458741 VRX458741 WBT458741 WLP458741 WVL458741 B524277 IZ524277 SV524277 ACR524277 AMN524277 AWJ524277 BGF524277 BQB524277 BZX524277 CJT524277 CTP524277 DDL524277 DNH524277 DXD524277 EGZ524277 EQV524277 FAR524277 FKN524277 FUJ524277 GEF524277 GOB524277 GXX524277 HHT524277 HRP524277 IBL524277 ILH524277 IVD524277 JEZ524277 JOV524277 JYR524277 KIN524277 KSJ524277 LCF524277 LMB524277 LVX524277 MFT524277 MPP524277 MZL524277 NJH524277 NTD524277 OCZ524277 OMV524277 OWR524277 PGN524277 PQJ524277 QAF524277 QKB524277 QTX524277 RDT524277 RNP524277 RXL524277 SHH524277 SRD524277 TAZ524277 TKV524277 TUR524277 UEN524277 UOJ524277 UYF524277 VIB524277 VRX524277 WBT524277 WLP524277 WVL524277 B589813 IZ589813 SV589813 ACR589813 AMN589813 AWJ589813 BGF589813 BQB589813 BZX589813 CJT589813 CTP589813 DDL589813 DNH589813 DXD589813 EGZ589813 EQV589813 FAR589813 FKN589813 FUJ589813 GEF589813 GOB589813 GXX589813 HHT589813 HRP589813 IBL589813 ILH589813 IVD589813 JEZ589813 JOV589813 JYR589813 KIN589813 KSJ589813 LCF589813 LMB589813 LVX589813 MFT589813 MPP589813 MZL589813 NJH589813 NTD589813 OCZ589813 OMV589813 OWR589813 PGN589813 PQJ589813 QAF589813 QKB589813 QTX589813 RDT589813 RNP589813 RXL589813 SHH589813 SRD589813 TAZ589813 TKV589813 TUR589813 UEN589813 UOJ589813 UYF589813 VIB589813 VRX589813 WBT589813 WLP589813 WVL589813 B655349 IZ655349 SV655349 ACR655349 AMN655349 AWJ655349 BGF655349 BQB655349 BZX655349 CJT655349 CTP655349 DDL655349 DNH655349 DXD655349 EGZ655349 EQV655349 FAR655349 FKN655349 FUJ655349 GEF655349 GOB655349 GXX655349 HHT655349 HRP655349 IBL655349 ILH655349 IVD655349 JEZ655349 JOV655349 JYR655349 KIN655349 KSJ655349 LCF655349 LMB655349 LVX655349 MFT655349 MPP655349 MZL655349 NJH655349 NTD655349 OCZ655349 OMV655349 OWR655349 PGN655349 PQJ655349 QAF655349 QKB655349 QTX655349 RDT655349 RNP655349 RXL655349 SHH655349 SRD655349 TAZ655349 TKV655349 TUR655349 UEN655349 UOJ655349 UYF655349 VIB655349 VRX655349 WBT655349 WLP655349 WVL655349 B720885 IZ720885 SV720885 ACR720885 AMN720885 AWJ720885 BGF720885 BQB720885 BZX720885 CJT720885 CTP720885 DDL720885 DNH720885 DXD720885 EGZ720885 EQV720885 FAR720885 FKN720885 FUJ720885 GEF720885 GOB720885 GXX720885 HHT720885 HRP720885 IBL720885 ILH720885 IVD720885 JEZ720885 JOV720885 JYR720885 KIN720885 KSJ720885 LCF720885 LMB720885 LVX720885 MFT720885 MPP720885 MZL720885 NJH720885 NTD720885 OCZ720885 OMV720885 OWR720885 PGN720885 PQJ720885 QAF720885 QKB720885 QTX720885 RDT720885 RNP720885 RXL720885 SHH720885 SRD720885 TAZ720885 TKV720885 TUR720885 UEN720885 UOJ720885 UYF720885 VIB720885 VRX720885 WBT720885 WLP720885 WVL720885 B786421 IZ786421 SV786421 ACR786421 AMN786421 AWJ786421 BGF786421 BQB786421 BZX786421 CJT786421 CTP786421 DDL786421 DNH786421 DXD786421 EGZ786421 EQV786421 FAR786421 FKN786421 FUJ786421 GEF786421 GOB786421 GXX786421 HHT786421 HRP786421 IBL786421 ILH786421 IVD786421 JEZ786421 JOV786421 JYR786421 KIN786421 KSJ786421 LCF786421 LMB786421 LVX786421 MFT786421 MPP786421 MZL786421 NJH786421 NTD786421 OCZ786421 OMV786421 OWR786421 PGN786421 PQJ786421 QAF786421 QKB786421 QTX786421 RDT786421 RNP786421 RXL786421 SHH786421 SRD786421 TAZ786421 TKV786421 TUR786421 UEN786421 UOJ786421 UYF786421 VIB786421 VRX786421 WBT786421 WLP786421 WVL786421 B851957 IZ851957 SV851957 ACR851957 AMN851957 AWJ851957 BGF851957 BQB851957 BZX851957 CJT851957 CTP851957 DDL851957 DNH851957 DXD851957 EGZ851957 EQV851957 FAR851957 FKN851957 FUJ851957 GEF851957 GOB851957 GXX851957 HHT851957 HRP851957 IBL851957 ILH851957 IVD851957 JEZ851957 JOV851957 JYR851957 KIN851957 KSJ851957 LCF851957 LMB851957 LVX851957 MFT851957 MPP851957 MZL851957 NJH851957 NTD851957 OCZ851957 OMV851957 OWR851957 PGN851957 PQJ851957 QAF851957 QKB851957 QTX851957 RDT851957 RNP851957 RXL851957 SHH851957 SRD851957 TAZ851957 TKV851957 TUR851957 UEN851957 UOJ851957 UYF851957 VIB851957 VRX851957 WBT851957 WLP851957 WVL851957 B917493 IZ917493 SV917493 ACR917493 AMN917493 AWJ917493 BGF917493 BQB917493 BZX917493 CJT917493 CTP917493 DDL917493 DNH917493 DXD917493 EGZ917493 EQV917493 FAR917493 FKN917493 FUJ917493 GEF917493 GOB917493 GXX917493 HHT917493 HRP917493 IBL917493 ILH917493 IVD917493 JEZ917493 JOV917493 JYR917493 KIN917493 KSJ917493 LCF917493 LMB917493 LVX917493 MFT917493 MPP917493 MZL917493 NJH917493 NTD917493 OCZ917493 OMV917493 OWR917493 PGN917493 PQJ917493 QAF917493 QKB917493 QTX917493 RDT917493 RNP917493 RXL917493 SHH917493 SRD917493 TAZ917493 TKV917493 TUR917493 UEN917493 UOJ917493 UYF917493 VIB917493 VRX917493 WBT917493 WLP917493 WVL917493 B983029 IZ983029 SV983029 ACR983029 AMN983029 AWJ983029 BGF983029 BQB983029 BZX983029 CJT983029 CTP983029 DDL983029 DNH983029 DXD983029 EGZ983029 EQV983029 FAR983029 FKN983029 FUJ983029 GEF983029 GOB983029 GXX983029 HHT983029 HRP983029 IBL983029 ILH983029 IVD983029 JEZ983029 JOV983029 JYR983029 KIN983029 KSJ983029 LCF983029 LMB983029 LVX983029 MFT983029 MPP983029 MZL983029 NJH983029 NTD983029 OCZ983029 OMV983029 OWR983029 PGN983029 PQJ983029 QAF983029 QKB983029 QTX983029 RDT983029 RNP983029 RXL983029 SHH983029 SRD983029 TAZ983029 TKV983029 TUR983029 UEN983029 UOJ983029 UYF983029 VIB983029 VRX983029 WBT983029 WLP983029 WVL983029 WVO983029 JC65525 SY65525 ACU65525 AMQ65525 AWM65525 BGI65525 BQE65525 CAA65525 CJW65525 CTS65525 DDO65525 DNK65525 DXG65525 EHC65525 EQY65525 FAU65525 FKQ65525 FUM65525 GEI65525 GOE65525 GYA65525 HHW65525 HRS65525 IBO65525 ILK65525 IVG65525 JFC65525 JOY65525 JYU65525 KIQ65525 KSM65525 LCI65525 LME65525 LWA65525 MFW65525 MPS65525 MZO65525 NJK65525 NTG65525 ODC65525 OMY65525 OWU65525 PGQ65525 PQM65525 QAI65525 QKE65525 QUA65525 RDW65525 RNS65525 RXO65525 SHK65525 SRG65525 TBC65525 TKY65525 TUU65525 UEQ65525 UOM65525 UYI65525 VIE65525 VSA65525 WBW65525 WLS65525 WVO65525 JC131061 SY131061 ACU131061 AMQ131061 AWM131061 BGI131061 BQE131061 CAA131061 CJW131061 CTS131061 DDO131061 DNK131061 DXG131061 EHC131061 EQY131061 FAU131061 FKQ131061 FUM131061 GEI131061 GOE131061 GYA131061 HHW131061 HRS131061 IBO131061 ILK131061 IVG131061 JFC131061 JOY131061 JYU131061 KIQ131061 KSM131061 LCI131061 LME131061 LWA131061 MFW131061 MPS131061 MZO131061 NJK131061 NTG131061 ODC131061 OMY131061 OWU131061 PGQ131061 PQM131061 QAI131061 QKE131061 QUA131061 RDW131061 RNS131061 RXO131061 SHK131061 SRG131061 TBC131061 TKY131061 TUU131061 UEQ131061 UOM131061 UYI131061 VIE131061 VSA131061 WBW131061 WLS131061 WVO131061 JC196597 SY196597 ACU196597 AMQ196597 AWM196597 BGI196597 BQE196597 CAA196597 CJW196597 CTS196597 DDO196597 DNK196597 DXG196597 EHC196597 EQY196597 FAU196597 FKQ196597 FUM196597 GEI196597 GOE196597 GYA196597 HHW196597 HRS196597 IBO196597 ILK196597 IVG196597 JFC196597 JOY196597 JYU196597 KIQ196597 KSM196597 LCI196597 LME196597 LWA196597 MFW196597 MPS196597 MZO196597 NJK196597 NTG196597 ODC196597 OMY196597 OWU196597 PGQ196597 PQM196597 QAI196597 QKE196597 QUA196597 RDW196597 RNS196597 RXO196597 SHK196597 SRG196597 TBC196597 TKY196597 TUU196597 UEQ196597 UOM196597 UYI196597 VIE196597 VSA196597 WBW196597 WLS196597 WVO196597 JC262133 SY262133 ACU262133 AMQ262133 AWM262133 BGI262133 BQE262133 CAA262133 CJW262133 CTS262133 DDO262133 DNK262133 DXG262133 EHC262133 EQY262133 FAU262133 FKQ262133 FUM262133 GEI262133 GOE262133 GYA262133 HHW262133 HRS262133 IBO262133 ILK262133 IVG262133 JFC262133 JOY262133 JYU262133 KIQ262133 KSM262133 LCI262133 LME262133 LWA262133 MFW262133 MPS262133 MZO262133 NJK262133 NTG262133 ODC262133 OMY262133 OWU262133 PGQ262133 PQM262133 QAI262133 QKE262133 QUA262133 RDW262133 RNS262133 RXO262133 SHK262133 SRG262133 TBC262133 TKY262133 TUU262133 UEQ262133 UOM262133 UYI262133 VIE262133 VSA262133 WBW262133 WLS262133 WVO262133 JC327669 SY327669 ACU327669 AMQ327669 AWM327669 BGI327669 BQE327669 CAA327669 CJW327669 CTS327669 DDO327669 DNK327669 DXG327669 EHC327669 EQY327669 FAU327669 FKQ327669 FUM327669 GEI327669 GOE327669 GYA327669 HHW327669 HRS327669 IBO327669 ILK327669 IVG327669 JFC327669 JOY327669 JYU327669 KIQ327669 KSM327669 LCI327669 LME327669 LWA327669 MFW327669 MPS327669 MZO327669 NJK327669 NTG327669 ODC327669 OMY327669 OWU327669 PGQ327669 PQM327669 QAI327669 QKE327669 QUA327669 RDW327669 RNS327669 RXO327669 SHK327669 SRG327669 TBC327669 TKY327669 TUU327669 UEQ327669 UOM327669 UYI327669 VIE327669 VSA327669 WBW327669 WLS327669 WVO327669 JC393205 SY393205 ACU393205 AMQ393205 AWM393205 BGI393205 BQE393205 CAA393205 CJW393205 CTS393205 DDO393205 DNK393205 DXG393205 EHC393205 EQY393205 FAU393205 FKQ393205 FUM393205 GEI393205 GOE393205 GYA393205 HHW393205 HRS393205 IBO393205 ILK393205 IVG393205 JFC393205 JOY393205 JYU393205 KIQ393205 KSM393205 LCI393205 LME393205 LWA393205 MFW393205 MPS393205 MZO393205 NJK393205 NTG393205 ODC393205 OMY393205 OWU393205 PGQ393205 PQM393205 QAI393205 QKE393205 QUA393205 RDW393205 RNS393205 RXO393205 SHK393205 SRG393205 TBC393205 TKY393205 TUU393205 UEQ393205 UOM393205 UYI393205 VIE393205 VSA393205 WBW393205 WLS393205 WVO393205 JC458741 SY458741 ACU458741 AMQ458741 AWM458741 BGI458741 BQE458741 CAA458741 CJW458741 CTS458741 DDO458741 DNK458741 DXG458741 EHC458741 EQY458741 FAU458741 FKQ458741 FUM458741 GEI458741 GOE458741 GYA458741 HHW458741 HRS458741 IBO458741 ILK458741 IVG458741 JFC458741 JOY458741 JYU458741 KIQ458741 KSM458741 LCI458741 LME458741 LWA458741 MFW458741 MPS458741 MZO458741 NJK458741 NTG458741 ODC458741 OMY458741 OWU458741 PGQ458741 PQM458741 QAI458741 QKE458741 QUA458741 RDW458741 RNS458741 RXO458741 SHK458741 SRG458741 TBC458741 TKY458741 TUU458741 UEQ458741 UOM458741 UYI458741 VIE458741 VSA458741 WBW458741 WLS458741 WVO458741 JC524277 SY524277 ACU524277 AMQ524277 AWM524277 BGI524277 BQE524277 CAA524277 CJW524277 CTS524277 DDO524277 DNK524277 DXG524277 EHC524277 EQY524277 FAU524277 FKQ524277 FUM524277 GEI524277 GOE524277 GYA524277 HHW524277 HRS524277 IBO524277 ILK524277 IVG524277 JFC524277 JOY524277 JYU524277 KIQ524277 KSM524277 LCI524277 LME524277 LWA524277 MFW524277 MPS524277 MZO524277 NJK524277 NTG524277 ODC524277 OMY524277 OWU524277 PGQ524277 PQM524277 QAI524277 QKE524277 QUA524277 RDW524277 RNS524277 RXO524277 SHK524277 SRG524277 TBC524277 TKY524277 TUU524277 UEQ524277 UOM524277 UYI524277 VIE524277 VSA524277 WBW524277 WLS524277 WVO524277 JC589813 SY589813 ACU589813 AMQ589813 AWM589813 BGI589813 BQE589813 CAA589813 CJW589813 CTS589813 DDO589813 DNK589813 DXG589813 EHC589813 EQY589813 FAU589813 FKQ589813 FUM589813 GEI589813 GOE589813 GYA589813 HHW589813 HRS589813 IBO589813 ILK589813 IVG589813 JFC589813 JOY589813 JYU589813 KIQ589813 KSM589813 LCI589813 LME589813 LWA589813 MFW589813 MPS589813 MZO589813 NJK589813 NTG589813 ODC589813 OMY589813 OWU589813 PGQ589813 PQM589813 QAI589813 QKE589813 QUA589813 RDW589813 RNS589813 RXO589813 SHK589813 SRG589813 TBC589813 TKY589813 TUU589813 UEQ589813 UOM589813 UYI589813 VIE589813 VSA589813 WBW589813 WLS589813 WVO589813 JC655349 SY655349 ACU655349 AMQ655349 AWM655349 BGI655349 BQE655349 CAA655349 CJW655349 CTS655349 DDO655349 DNK655349 DXG655349 EHC655349 EQY655349 FAU655349 FKQ655349 FUM655349 GEI655349 GOE655349 GYA655349 HHW655349 HRS655349 IBO655349 ILK655349 IVG655349 JFC655349 JOY655349 JYU655349 KIQ655349 KSM655349 LCI655349 LME655349 LWA655349 MFW655349 MPS655349 MZO655349 NJK655349 NTG655349 ODC655349 OMY655349 OWU655349 PGQ655349 PQM655349 QAI655349 QKE655349 QUA655349 RDW655349 RNS655349 RXO655349 SHK655349 SRG655349 TBC655349 TKY655349 TUU655349 UEQ655349 UOM655349 UYI655349 VIE655349 VSA655349 WBW655349 WLS655349 WVO655349 JC720885 SY720885 ACU720885 AMQ720885 AWM720885 BGI720885 BQE720885 CAA720885 CJW720885 CTS720885 DDO720885 DNK720885 DXG720885 EHC720885 EQY720885 FAU720885 FKQ720885 FUM720885 GEI720885 GOE720885 GYA720885 HHW720885 HRS720885 IBO720885 ILK720885 IVG720885 JFC720885 JOY720885 JYU720885 KIQ720885 KSM720885 LCI720885 LME720885 LWA720885 MFW720885 MPS720885 MZO720885 NJK720885 NTG720885 ODC720885 OMY720885 OWU720885 PGQ720885 PQM720885 QAI720885 QKE720885 QUA720885 RDW720885 RNS720885 RXO720885 SHK720885 SRG720885 TBC720885 TKY720885 TUU720885 UEQ720885 UOM720885 UYI720885 VIE720885 VSA720885 WBW720885 WLS720885 WVO720885 JC786421 SY786421 ACU786421 AMQ786421 AWM786421 BGI786421 BQE786421 CAA786421 CJW786421 CTS786421 DDO786421 DNK786421 DXG786421 EHC786421 EQY786421 FAU786421 FKQ786421 FUM786421 GEI786421 GOE786421 GYA786421 HHW786421 HRS786421 IBO786421 ILK786421 IVG786421 JFC786421 JOY786421 JYU786421 KIQ786421 KSM786421 LCI786421 LME786421 LWA786421 MFW786421 MPS786421 MZO786421 NJK786421 NTG786421 ODC786421 OMY786421 OWU786421 PGQ786421 PQM786421 QAI786421 QKE786421 QUA786421 RDW786421 RNS786421 RXO786421 SHK786421 SRG786421 TBC786421 TKY786421 TUU786421 UEQ786421 UOM786421 UYI786421 VIE786421 VSA786421 WBW786421 WLS786421 WVO786421 JC851957 SY851957 ACU851957 AMQ851957 AWM851957 BGI851957 BQE851957 CAA851957 CJW851957 CTS851957 DDO851957 DNK851957 DXG851957 EHC851957 EQY851957 FAU851957 FKQ851957 FUM851957 GEI851957 GOE851957 GYA851957 HHW851957 HRS851957 IBO851957 ILK851957 IVG851957 JFC851957 JOY851957 JYU851957 KIQ851957 KSM851957 LCI851957 LME851957 LWA851957 MFW851957 MPS851957 MZO851957 NJK851957 NTG851957 ODC851957 OMY851957 OWU851957 PGQ851957 PQM851957 QAI851957 QKE851957 QUA851957 RDW851957 RNS851957 RXO851957 SHK851957 SRG851957 TBC851957 TKY851957 TUU851957 UEQ851957 UOM851957 UYI851957 VIE851957 VSA851957 WBW851957 WLS851957 WVO851957 JC917493 SY917493 ACU917493 AMQ917493 AWM917493 BGI917493 BQE917493 CAA917493 CJW917493 CTS917493 DDO917493 DNK917493 DXG917493 EHC917493 EQY917493 FAU917493 FKQ917493 FUM917493 GEI917493 GOE917493 GYA917493 HHW917493 HRS917493 IBO917493 ILK917493 IVG917493 JFC917493 JOY917493 JYU917493 KIQ917493 KSM917493 LCI917493 LME917493 LWA917493 MFW917493 MPS917493 MZO917493 NJK917493 NTG917493 ODC917493 OMY917493 OWU917493 PGQ917493 PQM917493 QAI917493 QKE917493 QUA917493 RDW917493 RNS917493 RXO917493 SHK917493 SRG917493 TBC917493 TKY917493 TUU917493 UEQ917493 UOM917493 UYI917493 VIE917493 VSA917493 WBW917493 WLS917493 WVO917493 JC983029 SY983029 ACU983029 AMQ983029 AWM983029 BGI983029 BQE983029 CAA983029 CJW983029 CTS983029 DDO983029 DNK983029 DXG983029 EHC983029 EQY983029 FAU983029 FKQ983029 FUM983029 GEI983029 GOE983029 GYA983029 HHW983029 HRS983029 IBO983029 ILK983029 IVG983029 JFC983029 JOY983029 JYU983029 KIQ983029 KSM983029 LCI983029 LME983029 LWA983029 MFW983029 MPS983029 MZO983029 NJK983029 NTG983029 ODC983029 OMY983029 OWU983029 PGQ983029 PQM983029 QAI983029 QKE983029 QUA983029 RDW983029 RNS983029 RXO983029 SHK983029 SRG983029 TBC983029 TKY983029 TUU983029 UEQ983029 UOM983029 UYI983029 VIE983029 VSA983029 WBW983029 E983029:F983029 E917493:F917493 E851957:F851957 E786421:F786421 E720885:F720885 E655349:F655349 E589813:F589813 E524277:F524277 E458741:F458741 E393205:F393205 E327669:F327669 E262133:F262133 E196597:F196597 E131061:F131061 E65525:F65525" xr:uid="{00000000-0002-0000-0100-000000000000}">
      <formula1>"（１）地域新商品・新サービス開発支援,（２）【認定期間中】地域資源・農商工・新連携,（３）【ブラッシュアップ中】地域資源・農商工・新連携,（４）【認定終了】地域資源・農商工・新連携,（５）その他"</formula1>
    </dataValidation>
    <dataValidation type="list" allowBlank="1" showInputMessage="1" showErrorMessage="1" sqref="WVR983040:WVT983040 JB11:JD11 SX11:SZ11 ACT11:ACV11 AMP11:AMR11 AWL11:AWN11 BGH11:BGJ11 BQD11:BQF11 BZZ11:CAB11 CJV11:CJX11 CTR11:CTT11 DDN11:DDP11 DNJ11:DNL11 DXF11:DXH11 EHB11:EHD11 EQX11:EQZ11 FAT11:FAV11 FKP11:FKR11 FUL11:FUN11 GEH11:GEJ11 GOD11:GOF11 GXZ11:GYB11 HHV11:HHX11 HRR11:HRT11 IBN11:IBP11 ILJ11:ILL11 IVF11:IVH11 JFB11:JFD11 JOX11:JOZ11 JYT11:JYV11 KIP11:KIR11 KSL11:KSN11 LCH11:LCJ11 LMD11:LMF11 LVZ11:LWB11 MFV11:MFX11 MPR11:MPT11 MZN11:MZP11 NJJ11:NJL11 NTF11:NTH11 ODB11:ODD11 OMX11:OMZ11 OWT11:OWV11 PGP11:PGR11 PQL11:PQN11 QAH11:QAJ11 QKD11:QKF11 QTZ11:QUB11 RDV11:RDX11 RNR11:RNT11 RXN11:RXP11 SHJ11:SHL11 SRF11:SRH11 TBB11:TBD11 TKX11:TKZ11 TUT11:TUV11 UEP11:UER11 UOL11:UON11 UYH11:UYJ11 VID11:VIF11 VRZ11:VSB11 WBV11:WBX11 WLR11:WLT11 WVN11:WVP11 I65536:K65536 JF65536:JH65536 TB65536:TD65536 ACX65536:ACZ65536 AMT65536:AMV65536 AWP65536:AWR65536 BGL65536:BGN65536 BQH65536:BQJ65536 CAD65536:CAF65536 CJZ65536:CKB65536 CTV65536:CTX65536 DDR65536:DDT65536 DNN65536:DNP65536 DXJ65536:DXL65536 EHF65536:EHH65536 ERB65536:ERD65536 FAX65536:FAZ65536 FKT65536:FKV65536 FUP65536:FUR65536 GEL65536:GEN65536 GOH65536:GOJ65536 GYD65536:GYF65536 HHZ65536:HIB65536 HRV65536:HRX65536 IBR65536:IBT65536 ILN65536:ILP65536 IVJ65536:IVL65536 JFF65536:JFH65536 JPB65536:JPD65536 JYX65536:JYZ65536 KIT65536:KIV65536 KSP65536:KSR65536 LCL65536:LCN65536 LMH65536:LMJ65536 LWD65536:LWF65536 MFZ65536:MGB65536 MPV65536:MPX65536 MZR65536:MZT65536 NJN65536:NJP65536 NTJ65536:NTL65536 ODF65536:ODH65536 ONB65536:OND65536 OWX65536:OWZ65536 PGT65536:PGV65536 PQP65536:PQR65536 QAL65536:QAN65536 QKH65536:QKJ65536 QUD65536:QUF65536 RDZ65536:REB65536 RNV65536:RNX65536 RXR65536:RXT65536 SHN65536:SHP65536 SRJ65536:SRL65536 TBF65536:TBH65536 TLB65536:TLD65536 TUX65536:TUZ65536 UET65536:UEV65536 UOP65536:UOR65536 UYL65536:UYN65536 VIH65536:VIJ65536 VSD65536:VSF65536 WBZ65536:WCB65536 WLV65536:WLX65536 WVR65536:WVT65536 I131072:K131072 JF131072:JH131072 TB131072:TD131072 ACX131072:ACZ131072 AMT131072:AMV131072 AWP131072:AWR131072 BGL131072:BGN131072 BQH131072:BQJ131072 CAD131072:CAF131072 CJZ131072:CKB131072 CTV131072:CTX131072 DDR131072:DDT131072 DNN131072:DNP131072 DXJ131072:DXL131072 EHF131072:EHH131072 ERB131072:ERD131072 FAX131072:FAZ131072 FKT131072:FKV131072 FUP131072:FUR131072 GEL131072:GEN131072 GOH131072:GOJ131072 GYD131072:GYF131072 HHZ131072:HIB131072 HRV131072:HRX131072 IBR131072:IBT131072 ILN131072:ILP131072 IVJ131072:IVL131072 JFF131072:JFH131072 JPB131072:JPD131072 JYX131072:JYZ131072 KIT131072:KIV131072 KSP131072:KSR131072 LCL131072:LCN131072 LMH131072:LMJ131072 LWD131072:LWF131072 MFZ131072:MGB131072 MPV131072:MPX131072 MZR131072:MZT131072 NJN131072:NJP131072 NTJ131072:NTL131072 ODF131072:ODH131072 ONB131072:OND131072 OWX131072:OWZ131072 PGT131072:PGV131072 PQP131072:PQR131072 QAL131072:QAN131072 QKH131072:QKJ131072 QUD131072:QUF131072 RDZ131072:REB131072 RNV131072:RNX131072 RXR131072:RXT131072 SHN131072:SHP131072 SRJ131072:SRL131072 TBF131072:TBH131072 TLB131072:TLD131072 TUX131072:TUZ131072 UET131072:UEV131072 UOP131072:UOR131072 UYL131072:UYN131072 VIH131072:VIJ131072 VSD131072:VSF131072 WBZ131072:WCB131072 WLV131072:WLX131072 WVR131072:WVT131072 I196608:K196608 JF196608:JH196608 TB196608:TD196608 ACX196608:ACZ196608 AMT196608:AMV196608 AWP196608:AWR196608 BGL196608:BGN196608 BQH196608:BQJ196608 CAD196608:CAF196608 CJZ196608:CKB196608 CTV196608:CTX196608 DDR196608:DDT196608 DNN196608:DNP196608 DXJ196608:DXL196608 EHF196608:EHH196608 ERB196608:ERD196608 FAX196608:FAZ196608 FKT196608:FKV196608 FUP196608:FUR196608 GEL196608:GEN196608 GOH196608:GOJ196608 GYD196608:GYF196608 HHZ196608:HIB196608 HRV196608:HRX196608 IBR196608:IBT196608 ILN196608:ILP196608 IVJ196608:IVL196608 JFF196608:JFH196608 JPB196608:JPD196608 JYX196608:JYZ196608 KIT196608:KIV196608 KSP196608:KSR196608 LCL196608:LCN196608 LMH196608:LMJ196608 LWD196608:LWF196608 MFZ196608:MGB196608 MPV196608:MPX196608 MZR196608:MZT196608 NJN196608:NJP196608 NTJ196608:NTL196608 ODF196608:ODH196608 ONB196608:OND196608 OWX196608:OWZ196608 PGT196608:PGV196608 PQP196608:PQR196608 QAL196608:QAN196608 QKH196608:QKJ196608 QUD196608:QUF196608 RDZ196608:REB196608 RNV196608:RNX196608 RXR196608:RXT196608 SHN196608:SHP196608 SRJ196608:SRL196608 TBF196608:TBH196608 TLB196608:TLD196608 TUX196608:TUZ196608 UET196608:UEV196608 UOP196608:UOR196608 UYL196608:UYN196608 VIH196608:VIJ196608 VSD196608:VSF196608 WBZ196608:WCB196608 WLV196608:WLX196608 WVR196608:WVT196608 I262144:K262144 JF262144:JH262144 TB262144:TD262144 ACX262144:ACZ262144 AMT262144:AMV262144 AWP262144:AWR262144 BGL262144:BGN262144 BQH262144:BQJ262144 CAD262144:CAF262144 CJZ262144:CKB262144 CTV262144:CTX262144 DDR262144:DDT262144 DNN262144:DNP262144 DXJ262144:DXL262144 EHF262144:EHH262144 ERB262144:ERD262144 FAX262144:FAZ262144 FKT262144:FKV262144 FUP262144:FUR262144 GEL262144:GEN262144 GOH262144:GOJ262144 GYD262144:GYF262144 HHZ262144:HIB262144 HRV262144:HRX262144 IBR262144:IBT262144 ILN262144:ILP262144 IVJ262144:IVL262144 JFF262144:JFH262144 JPB262144:JPD262144 JYX262144:JYZ262144 KIT262144:KIV262144 KSP262144:KSR262144 LCL262144:LCN262144 LMH262144:LMJ262144 LWD262144:LWF262144 MFZ262144:MGB262144 MPV262144:MPX262144 MZR262144:MZT262144 NJN262144:NJP262144 NTJ262144:NTL262144 ODF262144:ODH262144 ONB262144:OND262144 OWX262144:OWZ262144 PGT262144:PGV262144 PQP262144:PQR262144 QAL262144:QAN262144 QKH262144:QKJ262144 QUD262144:QUF262144 RDZ262144:REB262144 RNV262144:RNX262144 RXR262144:RXT262144 SHN262144:SHP262144 SRJ262144:SRL262144 TBF262144:TBH262144 TLB262144:TLD262144 TUX262144:TUZ262144 UET262144:UEV262144 UOP262144:UOR262144 UYL262144:UYN262144 VIH262144:VIJ262144 VSD262144:VSF262144 WBZ262144:WCB262144 WLV262144:WLX262144 WVR262144:WVT262144 I327680:K327680 JF327680:JH327680 TB327680:TD327680 ACX327680:ACZ327680 AMT327680:AMV327680 AWP327680:AWR327680 BGL327680:BGN327680 BQH327680:BQJ327680 CAD327680:CAF327680 CJZ327680:CKB327680 CTV327680:CTX327680 DDR327680:DDT327680 DNN327680:DNP327680 DXJ327680:DXL327680 EHF327680:EHH327680 ERB327680:ERD327680 FAX327680:FAZ327680 FKT327680:FKV327680 FUP327680:FUR327680 GEL327680:GEN327680 GOH327680:GOJ327680 GYD327680:GYF327680 HHZ327680:HIB327680 HRV327680:HRX327680 IBR327680:IBT327680 ILN327680:ILP327680 IVJ327680:IVL327680 JFF327680:JFH327680 JPB327680:JPD327680 JYX327680:JYZ327680 KIT327680:KIV327680 KSP327680:KSR327680 LCL327680:LCN327680 LMH327680:LMJ327680 LWD327680:LWF327680 MFZ327680:MGB327680 MPV327680:MPX327680 MZR327680:MZT327680 NJN327680:NJP327680 NTJ327680:NTL327680 ODF327680:ODH327680 ONB327680:OND327680 OWX327680:OWZ327680 PGT327680:PGV327680 PQP327680:PQR327680 QAL327680:QAN327680 QKH327680:QKJ327680 QUD327680:QUF327680 RDZ327680:REB327680 RNV327680:RNX327680 RXR327680:RXT327680 SHN327680:SHP327680 SRJ327680:SRL327680 TBF327680:TBH327680 TLB327680:TLD327680 TUX327680:TUZ327680 UET327680:UEV327680 UOP327680:UOR327680 UYL327680:UYN327680 VIH327680:VIJ327680 VSD327680:VSF327680 WBZ327680:WCB327680 WLV327680:WLX327680 WVR327680:WVT327680 I393216:K393216 JF393216:JH393216 TB393216:TD393216 ACX393216:ACZ393216 AMT393216:AMV393216 AWP393216:AWR393216 BGL393216:BGN393216 BQH393216:BQJ393216 CAD393216:CAF393216 CJZ393216:CKB393216 CTV393216:CTX393216 DDR393216:DDT393216 DNN393216:DNP393216 DXJ393216:DXL393216 EHF393216:EHH393216 ERB393216:ERD393216 FAX393216:FAZ393216 FKT393216:FKV393216 FUP393216:FUR393216 GEL393216:GEN393216 GOH393216:GOJ393216 GYD393216:GYF393216 HHZ393216:HIB393216 HRV393216:HRX393216 IBR393216:IBT393216 ILN393216:ILP393216 IVJ393216:IVL393216 JFF393216:JFH393216 JPB393216:JPD393216 JYX393216:JYZ393216 KIT393216:KIV393216 KSP393216:KSR393216 LCL393216:LCN393216 LMH393216:LMJ393216 LWD393216:LWF393216 MFZ393216:MGB393216 MPV393216:MPX393216 MZR393216:MZT393216 NJN393216:NJP393216 NTJ393216:NTL393216 ODF393216:ODH393216 ONB393216:OND393216 OWX393216:OWZ393216 PGT393216:PGV393216 PQP393216:PQR393216 QAL393216:QAN393216 QKH393216:QKJ393216 QUD393216:QUF393216 RDZ393216:REB393216 RNV393216:RNX393216 RXR393216:RXT393216 SHN393216:SHP393216 SRJ393216:SRL393216 TBF393216:TBH393216 TLB393216:TLD393216 TUX393216:TUZ393216 UET393216:UEV393216 UOP393216:UOR393216 UYL393216:UYN393216 VIH393216:VIJ393216 VSD393216:VSF393216 WBZ393216:WCB393216 WLV393216:WLX393216 WVR393216:WVT393216 I458752:K458752 JF458752:JH458752 TB458752:TD458752 ACX458752:ACZ458752 AMT458752:AMV458752 AWP458752:AWR458752 BGL458752:BGN458752 BQH458752:BQJ458752 CAD458752:CAF458752 CJZ458752:CKB458752 CTV458752:CTX458752 DDR458752:DDT458752 DNN458752:DNP458752 DXJ458752:DXL458752 EHF458752:EHH458752 ERB458752:ERD458752 FAX458752:FAZ458752 FKT458752:FKV458752 FUP458752:FUR458752 GEL458752:GEN458752 GOH458752:GOJ458752 GYD458752:GYF458752 HHZ458752:HIB458752 HRV458752:HRX458752 IBR458752:IBT458752 ILN458752:ILP458752 IVJ458752:IVL458752 JFF458752:JFH458752 JPB458752:JPD458752 JYX458752:JYZ458752 KIT458752:KIV458752 KSP458752:KSR458752 LCL458752:LCN458752 LMH458752:LMJ458752 LWD458752:LWF458752 MFZ458752:MGB458752 MPV458752:MPX458752 MZR458752:MZT458752 NJN458752:NJP458752 NTJ458752:NTL458752 ODF458752:ODH458752 ONB458752:OND458752 OWX458752:OWZ458752 PGT458752:PGV458752 PQP458752:PQR458752 QAL458752:QAN458752 QKH458752:QKJ458752 QUD458752:QUF458752 RDZ458752:REB458752 RNV458752:RNX458752 RXR458752:RXT458752 SHN458752:SHP458752 SRJ458752:SRL458752 TBF458752:TBH458752 TLB458752:TLD458752 TUX458752:TUZ458752 UET458752:UEV458752 UOP458752:UOR458752 UYL458752:UYN458752 VIH458752:VIJ458752 VSD458752:VSF458752 WBZ458752:WCB458752 WLV458752:WLX458752 WVR458752:WVT458752 I524288:K524288 JF524288:JH524288 TB524288:TD524288 ACX524288:ACZ524288 AMT524288:AMV524288 AWP524288:AWR524288 BGL524288:BGN524288 BQH524288:BQJ524288 CAD524288:CAF524288 CJZ524288:CKB524288 CTV524288:CTX524288 DDR524288:DDT524288 DNN524288:DNP524288 DXJ524288:DXL524288 EHF524288:EHH524288 ERB524288:ERD524288 FAX524288:FAZ524288 FKT524288:FKV524288 FUP524288:FUR524288 GEL524288:GEN524288 GOH524288:GOJ524288 GYD524288:GYF524288 HHZ524288:HIB524288 HRV524288:HRX524288 IBR524288:IBT524288 ILN524288:ILP524288 IVJ524288:IVL524288 JFF524288:JFH524288 JPB524288:JPD524288 JYX524288:JYZ524288 KIT524288:KIV524288 KSP524288:KSR524288 LCL524288:LCN524288 LMH524288:LMJ524288 LWD524288:LWF524288 MFZ524288:MGB524288 MPV524288:MPX524288 MZR524288:MZT524288 NJN524288:NJP524288 NTJ524288:NTL524288 ODF524288:ODH524288 ONB524288:OND524288 OWX524288:OWZ524288 PGT524288:PGV524288 PQP524288:PQR524288 QAL524288:QAN524288 QKH524288:QKJ524288 QUD524288:QUF524288 RDZ524288:REB524288 RNV524288:RNX524288 RXR524288:RXT524288 SHN524288:SHP524288 SRJ524288:SRL524288 TBF524288:TBH524288 TLB524288:TLD524288 TUX524288:TUZ524288 UET524288:UEV524288 UOP524288:UOR524288 UYL524288:UYN524288 VIH524288:VIJ524288 VSD524288:VSF524288 WBZ524288:WCB524288 WLV524288:WLX524288 WVR524288:WVT524288 I589824:K589824 JF589824:JH589824 TB589824:TD589824 ACX589824:ACZ589824 AMT589824:AMV589824 AWP589824:AWR589824 BGL589824:BGN589824 BQH589824:BQJ589824 CAD589824:CAF589824 CJZ589824:CKB589824 CTV589824:CTX589824 DDR589824:DDT589824 DNN589824:DNP589824 DXJ589824:DXL589824 EHF589824:EHH589824 ERB589824:ERD589824 FAX589824:FAZ589824 FKT589824:FKV589824 FUP589824:FUR589824 GEL589824:GEN589824 GOH589824:GOJ589824 GYD589824:GYF589824 HHZ589824:HIB589824 HRV589824:HRX589824 IBR589824:IBT589824 ILN589824:ILP589824 IVJ589824:IVL589824 JFF589824:JFH589824 JPB589824:JPD589824 JYX589824:JYZ589824 KIT589824:KIV589824 KSP589824:KSR589824 LCL589824:LCN589824 LMH589824:LMJ589824 LWD589824:LWF589824 MFZ589824:MGB589824 MPV589824:MPX589824 MZR589824:MZT589824 NJN589824:NJP589824 NTJ589824:NTL589824 ODF589824:ODH589824 ONB589824:OND589824 OWX589824:OWZ589824 PGT589824:PGV589824 PQP589824:PQR589824 QAL589824:QAN589824 QKH589824:QKJ589824 QUD589824:QUF589824 RDZ589824:REB589824 RNV589824:RNX589824 RXR589824:RXT589824 SHN589824:SHP589824 SRJ589824:SRL589824 TBF589824:TBH589824 TLB589824:TLD589824 TUX589824:TUZ589824 UET589824:UEV589824 UOP589824:UOR589824 UYL589824:UYN589824 VIH589824:VIJ589824 VSD589824:VSF589824 WBZ589824:WCB589824 WLV589824:WLX589824 WVR589824:WVT589824 I655360:K655360 JF655360:JH655360 TB655360:TD655360 ACX655360:ACZ655360 AMT655360:AMV655360 AWP655360:AWR655360 BGL655360:BGN655360 BQH655360:BQJ655360 CAD655360:CAF655360 CJZ655360:CKB655360 CTV655360:CTX655360 DDR655360:DDT655360 DNN655360:DNP655360 DXJ655360:DXL655360 EHF655360:EHH655360 ERB655360:ERD655360 FAX655360:FAZ655360 FKT655360:FKV655360 FUP655360:FUR655360 GEL655360:GEN655360 GOH655360:GOJ655360 GYD655360:GYF655360 HHZ655360:HIB655360 HRV655360:HRX655360 IBR655360:IBT655360 ILN655360:ILP655360 IVJ655360:IVL655360 JFF655360:JFH655360 JPB655360:JPD655360 JYX655360:JYZ655360 KIT655360:KIV655360 KSP655360:KSR655360 LCL655360:LCN655360 LMH655360:LMJ655360 LWD655360:LWF655360 MFZ655360:MGB655360 MPV655360:MPX655360 MZR655360:MZT655360 NJN655360:NJP655360 NTJ655360:NTL655360 ODF655360:ODH655360 ONB655360:OND655360 OWX655360:OWZ655360 PGT655360:PGV655360 PQP655360:PQR655360 QAL655360:QAN655360 QKH655360:QKJ655360 QUD655360:QUF655360 RDZ655360:REB655360 RNV655360:RNX655360 RXR655360:RXT655360 SHN655360:SHP655360 SRJ655360:SRL655360 TBF655360:TBH655360 TLB655360:TLD655360 TUX655360:TUZ655360 UET655360:UEV655360 UOP655360:UOR655360 UYL655360:UYN655360 VIH655360:VIJ655360 VSD655360:VSF655360 WBZ655360:WCB655360 WLV655360:WLX655360 WVR655360:WVT655360 I720896:K720896 JF720896:JH720896 TB720896:TD720896 ACX720896:ACZ720896 AMT720896:AMV720896 AWP720896:AWR720896 BGL720896:BGN720896 BQH720896:BQJ720896 CAD720896:CAF720896 CJZ720896:CKB720896 CTV720896:CTX720896 DDR720896:DDT720896 DNN720896:DNP720896 DXJ720896:DXL720896 EHF720896:EHH720896 ERB720896:ERD720896 FAX720896:FAZ720896 FKT720896:FKV720896 FUP720896:FUR720896 GEL720896:GEN720896 GOH720896:GOJ720896 GYD720896:GYF720896 HHZ720896:HIB720896 HRV720896:HRX720896 IBR720896:IBT720896 ILN720896:ILP720896 IVJ720896:IVL720896 JFF720896:JFH720896 JPB720896:JPD720896 JYX720896:JYZ720896 KIT720896:KIV720896 KSP720896:KSR720896 LCL720896:LCN720896 LMH720896:LMJ720896 LWD720896:LWF720896 MFZ720896:MGB720896 MPV720896:MPX720896 MZR720896:MZT720896 NJN720896:NJP720896 NTJ720896:NTL720896 ODF720896:ODH720896 ONB720896:OND720896 OWX720896:OWZ720896 PGT720896:PGV720896 PQP720896:PQR720896 QAL720896:QAN720896 QKH720896:QKJ720896 QUD720896:QUF720896 RDZ720896:REB720896 RNV720896:RNX720896 RXR720896:RXT720896 SHN720896:SHP720896 SRJ720896:SRL720896 TBF720896:TBH720896 TLB720896:TLD720896 TUX720896:TUZ720896 UET720896:UEV720896 UOP720896:UOR720896 UYL720896:UYN720896 VIH720896:VIJ720896 VSD720896:VSF720896 WBZ720896:WCB720896 WLV720896:WLX720896 WVR720896:WVT720896 I786432:K786432 JF786432:JH786432 TB786432:TD786432 ACX786432:ACZ786432 AMT786432:AMV786432 AWP786432:AWR786432 BGL786432:BGN786432 BQH786432:BQJ786432 CAD786432:CAF786432 CJZ786432:CKB786432 CTV786432:CTX786432 DDR786432:DDT786432 DNN786432:DNP786432 DXJ786432:DXL786432 EHF786432:EHH786432 ERB786432:ERD786432 FAX786432:FAZ786432 FKT786432:FKV786432 FUP786432:FUR786432 GEL786432:GEN786432 GOH786432:GOJ786432 GYD786432:GYF786432 HHZ786432:HIB786432 HRV786432:HRX786432 IBR786432:IBT786432 ILN786432:ILP786432 IVJ786432:IVL786432 JFF786432:JFH786432 JPB786432:JPD786432 JYX786432:JYZ786432 KIT786432:KIV786432 KSP786432:KSR786432 LCL786432:LCN786432 LMH786432:LMJ786432 LWD786432:LWF786432 MFZ786432:MGB786432 MPV786432:MPX786432 MZR786432:MZT786432 NJN786432:NJP786432 NTJ786432:NTL786432 ODF786432:ODH786432 ONB786432:OND786432 OWX786432:OWZ786432 PGT786432:PGV786432 PQP786432:PQR786432 QAL786432:QAN786432 QKH786432:QKJ786432 QUD786432:QUF786432 RDZ786432:REB786432 RNV786432:RNX786432 RXR786432:RXT786432 SHN786432:SHP786432 SRJ786432:SRL786432 TBF786432:TBH786432 TLB786432:TLD786432 TUX786432:TUZ786432 UET786432:UEV786432 UOP786432:UOR786432 UYL786432:UYN786432 VIH786432:VIJ786432 VSD786432:VSF786432 WBZ786432:WCB786432 WLV786432:WLX786432 WVR786432:WVT786432 I851968:K851968 JF851968:JH851968 TB851968:TD851968 ACX851968:ACZ851968 AMT851968:AMV851968 AWP851968:AWR851968 BGL851968:BGN851968 BQH851968:BQJ851968 CAD851968:CAF851968 CJZ851968:CKB851968 CTV851968:CTX851968 DDR851968:DDT851968 DNN851968:DNP851968 DXJ851968:DXL851968 EHF851968:EHH851968 ERB851968:ERD851968 FAX851968:FAZ851968 FKT851968:FKV851968 FUP851968:FUR851968 GEL851968:GEN851968 GOH851968:GOJ851968 GYD851968:GYF851968 HHZ851968:HIB851968 HRV851968:HRX851968 IBR851968:IBT851968 ILN851968:ILP851968 IVJ851968:IVL851968 JFF851968:JFH851968 JPB851968:JPD851968 JYX851968:JYZ851968 KIT851968:KIV851968 KSP851968:KSR851968 LCL851968:LCN851968 LMH851968:LMJ851968 LWD851968:LWF851968 MFZ851968:MGB851968 MPV851968:MPX851968 MZR851968:MZT851968 NJN851968:NJP851968 NTJ851968:NTL851968 ODF851968:ODH851968 ONB851968:OND851968 OWX851968:OWZ851968 PGT851968:PGV851968 PQP851968:PQR851968 QAL851968:QAN851968 QKH851968:QKJ851968 QUD851968:QUF851968 RDZ851968:REB851968 RNV851968:RNX851968 RXR851968:RXT851968 SHN851968:SHP851968 SRJ851968:SRL851968 TBF851968:TBH851968 TLB851968:TLD851968 TUX851968:TUZ851968 UET851968:UEV851968 UOP851968:UOR851968 UYL851968:UYN851968 VIH851968:VIJ851968 VSD851968:VSF851968 WBZ851968:WCB851968 WLV851968:WLX851968 WVR851968:WVT851968 I917504:K917504 JF917504:JH917504 TB917504:TD917504 ACX917504:ACZ917504 AMT917504:AMV917504 AWP917504:AWR917504 BGL917504:BGN917504 BQH917504:BQJ917504 CAD917504:CAF917504 CJZ917504:CKB917504 CTV917504:CTX917504 DDR917504:DDT917504 DNN917504:DNP917504 DXJ917504:DXL917504 EHF917504:EHH917504 ERB917504:ERD917504 FAX917504:FAZ917504 FKT917504:FKV917504 FUP917504:FUR917504 GEL917504:GEN917504 GOH917504:GOJ917504 GYD917504:GYF917504 HHZ917504:HIB917504 HRV917504:HRX917504 IBR917504:IBT917504 ILN917504:ILP917504 IVJ917504:IVL917504 JFF917504:JFH917504 JPB917504:JPD917504 JYX917504:JYZ917504 KIT917504:KIV917504 KSP917504:KSR917504 LCL917504:LCN917504 LMH917504:LMJ917504 LWD917504:LWF917504 MFZ917504:MGB917504 MPV917504:MPX917504 MZR917504:MZT917504 NJN917504:NJP917504 NTJ917504:NTL917504 ODF917504:ODH917504 ONB917504:OND917504 OWX917504:OWZ917504 PGT917504:PGV917504 PQP917504:PQR917504 QAL917504:QAN917504 QKH917504:QKJ917504 QUD917504:QUF917504 RDZ917504:REB917504 RNV917504:RNX917504 RXR917504:RXT917504 SHN917504:SHP917504 SRJ917504:SRL917504 TBF917504:TBH917504 TLB917504:TLD917504 TUX917504:TUZ917504 UET917504:UEV917504 UOP917504:UOR917504 UYL917504:UYN917504 VIH917504:VIJ917504 VSD917504:VSF917504 WBZ917504:WCB917504 WLV917504:WLX917504 WVR917504:WVT917504 I983040:K983040 JF983040:JH983040 TB983040:TD983040 ACX983040:ACZ983040 AMT983040:AMV983040 AWP983040:AWR983040 BGL983040:BGN983040 BQH983040:BQJ983040 CAD983040:CAF983040 CJZ983040:CKB983040 CTV983040:CTX983040 DDR983040:DDT983040 DNN983040:DNP983040 DXJ983040:DXL983040 EHF983040:EHH983040 ERB983040:ERD983040 FAX983040:FAZ983040 FKT983040:FKV983040 FUP983040:FUR983040 GEL983040:GEN983040 GOH983040:GOJ983040 GYD983040:GYF983040 HHZ983040:HIB983040 HRV983040:HRX983040 IBR983040:IBT983040 ILN983040:ILP983040 IVJ983040:IVL983040 JFF983040:JFH983040 JPB983040:JPD983040 JYX983040:JYZ983040 KIT983040:KIV983040 KSP983040:KSR983040 LCL983040:LCN983040 LMH983040:LMJ983040 LWD983040:LWF983040 MFZ983040:MGB983040 MPV983040:MPX983040 MZR983040:MZT983040 NJN983040:NJP983040 NTJ983040:NTL983040 ODF983040:ODH983040 ONB983040:OND983040 OWX983040:OWZ983040 PGT983040:PGV983040 PQP983040:PQR983040 QAL983040:QAN983040 QKH983040:QKJ983040 QUD983040:QUF983040 RDZ983040:REB983040 RNV983040:RNX983040 RXR983040:RXT983040 SHN983040:SHP983040 SRJ983040:SRL983040 TBF983040:TBH983040 TLB983040:TLD983040 TUX983040:TUZ983040 UET983040:UEV983040 UOP983040:UOR983040 UYL983040:UYN983040 VIH983040:VIJ983040 VSD983040:VSF983040 WBZ983040:WCB983040 WLV983040:WLX983040" xr:uid="{00000000-0002-0000-0100-000001000000}">
      <formula1>"果物,野菜,鮮魚,塩干,加工肉,生肉,デリカ,日配,冷凍食品,加工食品,調味料,菓子,酒類,日用品・雑貨,その他"</formula1>
    </dataValidation>
  </dataValidations>
  <printOptions horizontalCentered="1"/>
  <pageMargins left="0.27559055118110237" right="0.19685039370078741" top="0.51181102362204722" bottom="0.35433070866141736" header="0.19685039370078741" footer="0.19685039370078741"/>
  <pageSetup paperSize="9" scale="70" orientation="portrait" horizontalDpi="300" verticalDpi="300"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7459" r:id="rId4" name="Group Box 51">
              <controlPr defaultSize="0" autoFill="0" autoPict="0">
                <anchor moveWithCells="1">
                  <from>
                    <xdr:col>36</xdr:col>
                    <xdr:colOff>203200</xdr:colOff>
                    <xdr:row>16</xdr:row>
                    <xdr:rowOff>0</xdr:rowOff>
                  </from>
                  <to>
                    <xdr:col>38</xdr:col>
                    <xdr:colOff>527050</xdr:colOff>
                    <xdr:row>17</xdr:row>
                    <xdr:rowOff>8890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3">
        <x14:dataValidation type="list" allowBlank="1" showInputMessage="1" showErrorMessage="1" xr:uid="{00000000-0002-0000-0100-000003000000}">
          <x14:formula1>
            <xm:f>リスト!$F$3:$F$4</xm:f>
          </x14:formula1>
          <xm:sqref>C31:F31 C19</xm:sqref>
        </x14:dataValidation>
        <x14:dataValidation type="list" allowBlank="1" showInputMessage="1" showErrorMessage="1" xr:uid="{00000000-0002-0000-0100-000005000000}">
          <x14:formula1>
            <xm:f>リスト!$Q$3:$Q$4</xm:f>
          </x14:formula1>
          <xm:sqref>M28 R28 H28 Z21 V21 D28:D29 J22 N21 I21 S22 D21:D22 W28</xm:sqref>
        </x14:dataValidation>
        <x14:dataValidation type="list" allowBlank="1" showInputMessage="1" showErrorMessage="1" xr:uid="{BCA2D6B2-DE62-4606-9745-3DAFBDB6514E}">
          <x14:formula1>
            <xm:f>リスト!$R$4:$R$8</xm:f>
          </x14:formula1>
          <xm:sqref>C25:O25</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2:AQ26"/>
  <sheetViews>
    <sheetView workbookViewId="0">
      <selection activeCell="G24" sqref="G24"/>
    </sheetView>
  </sheetViews>
  <sheetFormatPr defaultRowHeight="13" x14ac:dyDescent="0.2"/>
  <cols>
    <col min="3" max="3" width="3.36328125" customWidth="1"/>
    <col min="5" max="5" width="3.36328125" customWidth="1"/>
    <col min="7" max="7" width="3.36328125" customWidth="1"/>
    <col min="9" max="9" width="3" customWidth="1"/>
    <col min="10" max="10" width="14.08984375" customWidth="1"/>
    <col min="11" max="11" width="2.7265625" customWidth="1"/>
    <col min="12" max="12" width="17.08984375" customWidth="1"/>
    <col min="13" max="13" width="3.26953125" customWidth="1"/>
    <col min="28" max="28" width="26" customWidth="1"/>
    <col min="32" max="32" width="17.7265625" customWidth="1"/>
    <col min="33" max="33" width="21.90625" customWidth="1"/>
    <col min="34" max="34" width="19.7265625" customWidth="1"/>
    <col min="35" max="35" width="24.6328125" customWidth="1"/>
    <col min="36" max="47" width="15.453125" customWidth="1"/>
  </cols>
  <sheetData>
    <row r="2" spans="1:43" x14ac:dyDescent="0.2">
      <c r="X2" s="45" t="s">
        <v>55</v>
      </c>
      <c r="Y2" s="45" t="s">
        <v>56</v>
      </c>
      <c r="Z2" s="45" t="s">
        <v>57</v>
      </c>
      <c r="AA2" s="45" t="s">
        <v>58</v>
      </c>
      <c r="AB2" s="45" t="s">
        <v>59</v>
      </c>
      <c r="AC2" s="45" t="s">
        <v>60</v>
      </c>
      <c r="AD2" s="45" t="s">
        <v>61</v>
      </c>
      <c r="AE2" s="45" t="s">
        <v>62</v>
      </c>
      <c r="AF2" s="45" t="s">
        <v>63</v>
      </c>
      <c r="AG2" s="45" t="s">
        <v>64</v>
      </c>
      <c r="AH2" s="45" t="s">
        <v>65</v>
      </c>
      <c r="AI2" s="45" t="s">
        <v>66</v>
      </c>
      <c r="AJ2" s="45" t="s">
        <v>67</v>
      </c>
      <c r="AK2" s="45" t="s">
        <v>68</v>
      </c>
      <c r="AL2" s="45" t="s">
        <v>69</v>
      </c>
      <c r="AM2" s="45" t="s">
        <v>70</v>
      </c>
      <c r="AN2" s="45" t="s">
        <v>71</v>
      </c>
      <c r="AO2" s="45" t="s">
        <v>72</v>
      </c>
      <c r="AP2" s="45" t="s">
        <v>73</v>
      </c>
      <c r="AQ2" s="45" t="s">
        <v>74</v>
      </c>
    </row>
    <row r="3" spans="1:43" x14ac:dyDescent="0.2">
      <c r="A3" t="s">
        <v>75</v>
      </c>
      <c r="D3" t="s">
        <v>76</v>
      </c>
      <c r="F3" t="s">
        <v>77</v>
      </c>
      <c r="H3" t="s">
        <v>78</v>
      </c>
      <c r="J3" t="s">
        <v>79</v>
      </c>
      <c r="L3" t="s">
        <v>80</v>
      </c>
      <c r="N3" t="s">
        <v>81</v>
      </c>
      <c r="O3" t="s">
        <v>82</v>
      </c>
      <c r="X3" t="s">
        <v>83</v>
      </c>
      <c r="Y3" t="s">
        <v>84</v>
      </c>
      <c r="Z3" t="s">
        <v>85</v>
      </c>
      <c r="AA3" t="s">
        <v>86</v>
      </c>
      <c r="AB3" t="s">
        <v>87</v>
      </c>
      <c r="AC3" t="s">
        <v>88</v>
      </c>
      <c r="AD3" t="s">
        <v>89</v>
      </c>
      <c r="AE3" t="s">
        <v>90</v>
      </c>
      <c r="AF3" t="s">
        <v>91</v>
      </c>
      <c r="AG3" t="s">
        <v>92</v>
      </c>
      <c r="AH3" t="s">
        <v>93</v>
      </c>
      <c r="AI3" t="s">
        <v>94</v>
      </c>
      <c r="AJ3" t="s">
        <v>95</v>
      </c>
      <c r="AK3" t="s">
        <v>96</v>
      </c>
      <c r="AL3" t="s">
        <v>97</v>
      </c>
      <c r="AM3" t="s">
        <v>98</v>
      </c>
      <c r="AN3" t="s">
        <v>99</v>
      </c>
      <c r="AO3" t="s">
        <v>100</v>
      </c>
      <c r="AP3" t="s">
        <v>101</v>
      </c>
      <c r="AQ3" t="s">
        <v>102</v>
      </c>
    </row>
    <row r="4" spans="1:43" ht="16.5" x14ac:dyDescent="0.2">
      <c r="A4" t="s">
        <v>103</v>
      </c>
      <c r="D4" t="s">
        <v>104</v>
      </c>
      <c r="F4" t="s">
        <v>105</v>
      </c>
      <c r="H4" t="s">
        <v>106</v>
      </c>
      <c r="J4" t="s">
        <v>107</v>
      </c>
      <c r="L4" t="s">
        <v>108</v>
      </c>
      <c r="N4" t="s">
        <v>109</v>
      </c>
      <c r="O4" t="s">
        <v>110</v>
      </c>
      <c r="Q4" s="25" t="s">
        <v>111</v>
      </c>
      <c r="R4" t="s">
        <v>112</v>
      </c>
      <c r="X4" t="s">
        <v>113</v>
      </c>
      <c r="Y4" t="s">
        <v>114</v>
      </c>
      <c r="AA4" t="s">
        <v>115</v>
      </c>
      <c r="AB4" t="s">
        <v>116</v>
      </c>
      <c r="AC4" t="s">
        <v>117</v>
      </c>
      <c r="AD4" t="s">
        <v>118</v>
      </c>
      <c r="AE4" t="s">
        <v>119</v>
      </c>
      <c r="AF4" t="s">
        <v>120</v>
      </c>
      <c r="AG4" t="s">
        <v>121</v>
      </c>
      <c r="AH4" t="s">
        <v>122</v>
      </c>
      <c r="AI4" t="s">
        <v>123</v>
      </c>
      <c r="AJ4" t="s">
        <v>124</v>
      </c>
      <c r="AK4" t="s">
        <v>125</v>
      </c>
      <c r="AL4" t="s">
        <v>126</v>
      </c>
      <c r="AM4" t="s">
        <v>127</v>
      </c>
      <c r="AN4" t="s">
        <v>128</v>
      </c>
      <c r="AO4" t="s">
        <v>129</v>
      </c>
      <c r="AP4" t="s">
        <v>130</v>
      </c>
    </row>
    <row r="5" spans="1:43" x14ac:dyDescent="0.2">
      <c r="A5" t="s">
        <v>131</v>
      </c>
      <c r="D5" t="s">
        <v>132</v>
      </c>
      <c r="H5" t="s">
        <v>133</v>
      </c>
      <c r="O5" t="s">
        <v>134</v>
      </c>
      <c r="R5" t="s">
        <v>135</v>
      </c>
      <c r="AA5" t="s">
        <v>136</v>
      </c>
      <c r="AB5" t="s">
        <v>137</v>
      </c>
      <c r="AC5" t="s">
        <v>138</v>
      </c>
      <c r="AD5" t="s">
        <v>139</v>
      </c>
      <c r="AE5" t="s">
        <v>140</v>
      </c>
      <c r="AF5" t="s">
        <v>141</v>
      </c>
      <c r="AG5" t="s">
        <v>142</v>
      </c>
      <c r="AH5" t="s">
        <v>143</v>
      </c>
      <c r="AI5" t="s">
        <v>144</v>
      </c>
      <c r="AJ5" t="s">
        <v>145</v>
      </c>
      <c r="AK5" t="s">
        <v>146</v>
      </c>
      <c r="AM5" t="s">
        <v>147</v>
      </c>
      <c r="AO5" t="s">
        <v>148</v>
      </c>
    </row>
    <row r="6" spans="1:43" x14ac:dyDescent="0.2">
      <c r="D6" t="s">
        <v>45</v>
      </c>
      <c r="O6" t="s">
        <v>149</v>
      </c>
      <c r="R6" t="s">
        <v>150</v>
      </c>
      <c r="AB6" t="s">
        <v>151</v>
      </c>
      <c r="AC6" t="s">
        <v>152</v>
      </c>
      <c r="AD6" t="s">
        <v>153</v>
      </c>
      <c r="AE6" t="s">
        <v>154</v>
      </c>
      <c r="AF6" t="s">
        <v>155</v>
      </c>
      <c r="AG6" t="s">
        <v>156</v>
      </c>
      <c r="AI6" t="s">
        <v>157</v>
      </c>
      <c r="AO6" t="s">
        <v>158</v>
      </c>
    </row>
    <row r="7" spans="1:43" x14ac:dyDescent="0.2">
      <c r="O7" t="s">
        <v>159</v>
      </c>
      <c r="R7" t="s">
        <v>160</v>
      </c>
      <c r="AB7" t="s">
        <v>161</v>
      </c>
      <c r="AD7" t="s">
        <v>162</v>
      </c>
      <c r="AE7" t="s">
        <v>163</v>
      </c>
      <c r="AF7" t="s">
        <v>164</v>
      </c>
      <c r="AG7" t="s">
        <v>165</v>
      </c>
      <c r="AO7" t="s">
        <v>166</v>
      </c>
    </row>
    <row r="8" spans="1:43" x14ac:dyDescent="0.2">
      <c r="F8" t="s">
        <v>167</v>
      </c>
      <c r="O8" t="s">
        <v>168</v>
      </c>
      <c r="R8" t="s">
        <v>169</v>
      </c>
      <c r="AB8" t="s">
        <v>170</v>
      </c>
      <c r="AE8" t="s">
        <v>171</v>
      </c>
      <c r="AF8" t="s">
        <v>172</v>
      </c>
      <c r="AG8" t="s">
        <v>173</v>
      </c>
      <c r="AO8" t="s">
        <v>174</v>
      </c>
    </row>
    <row r="9" spans="1:43" x14ac:dyDescent="0.2">
      <c r="F9" t="s">
        <v>175</v>
      </c>
      <c r="O9" t="s">
        <v>176</v>
      </c>
      <c r="AB9" t="s">
        <v>177</v>
      </c>
      <c r="AE9" t="s">
        <v>178</v>
      </c>
      <c r="AF9" t="s">
        <v>179</v>
      </c>
      <c r="AO9" t="s">
        <v>180</v>
      </c>
    </row>
    <row r="10" spans="1:43" x14ac:dyDescent="0.2">
      <c r="O10" t="s">
        <v>181</v>
      </c>
      <c r="AB10" t="s">
        <v>182</v>
      </c>
      <c r="AE10" t="s">
        <v>183</v>
      </c>
      <c r="AF10" t="s">
        <v>184</v>
      </c>
      <c r="AO10" t="s">
        <v>185</v>
      </c>
    </row>
    <row r="11" spans="1:43" x14ac:dyDescent="0.2">
      <c r="O11" t="s">
        <v>186</v>
      </c>
      <c r="AB11" t="s">
        <v>187</v>
      </c>
      <c r="AF11" t="s">
        <v>188</v>
      </c>
      <c r="AO11" t="s">
        <v>189</v>
      </c>
    </row>
    <row r="12" spans="1:43" x14ac:dyDescent="0.2">
      <c r="O12" t="s">
        <v>190</v>
      </c>
      <c r="AB12" t="s">
        <v>191</v>
      </c>
      <c r="AF12" t="s">
        <v>192</v>
      </c>
    </row>
    <row r="13" spans="1:43" x14ac:dyDescent="0.2">
      <c r="O13" t="s">
        <v>193</v>
      </c>
      <c r="AB13" t="s">
        <v>194</v>
      </c>
      <c r="AF13" t="s">
        <v>195</v>
      </c>
    </row>
    <row r="14" spans="1:43" x14ac:dyDescent="0.2">
      <c r="O14" t="s">
        <v>196</v>
      </c>
      <c r="AB14" t="s">
        <v>197</v>
      </c>
      <c r="AF14" t="s">
        <v>198</v>
      </c>
    </row>
    <row r="15" spans="1:43" x14ac:dyDescent="0.2">
      <c r="O15" t="s">
        <v>199</v>
      </c>
      <c r="AB15" t="s">
        <v>200</v>
      </c>
    </row>
    <row r="16" spans="1:43" x14ac:dyDescent="0.2">
      <c r="O16" t="s">
        <v>201</v>
      </c>
      <c r="AB16" t="s">
        <v>202</v>
      </c>
    </row>
    <row r="17" spans="1:28" x14ac:dyDescent="0.2">
      <c r="A17" t="s">
        <v>203</v>
      </c>
      <c r="O17" t="s">
        <v>204</v>
      </c>
      <c r="AB17" t="s">
        <v>205</v>
      </c>
    </row>
    <row r="18" spans="1:28" x14ac:dyDescent="0.2">
      <c r="A18" t="s">
        <v>206</v>
      </c>
      <c r="AB18" t="s">
        <v>207</v>
      </c>
    </row>
    <row r="19" spans="1:28" x14ac:dyDescent="0.2">
      <c r="A19" t="s">
        <v>208</v>
      </c>
      <c r="AB19" t="s">
        <v>209</v>
      </c>
    </row>
    <row r="20" spans="1:28" x14ac:dyDescent="0.2">
      <c r="A20" t="s">
        <v>210</v>
      </c>
      <c r="AB20" t="s">
        <v>211</v>
      </c>
    </row>
    <row r="21" spans="1:28" x14ac:dyDescent="0.2">
      <c r="A21" t="s">
        <v>212</v>
      </c>
      <c r="AB21" t="s">
        <v>213</v>
      </c>
    </row>
    <row r="22" spans="1:28" x14ac:dyDescent="0.2">
      <c r="A22" t="s">
        <v>214</v>
      </c>
      <c r="AB22" t="s">
        <v>215</v>
      </c>
    </row>
    <row r="23" spans="1:28" x14ac:dyDescent="0.2">
      <c r="A23" t="s">
        <v>216</v>
      </c>
      <c r="AB23" t="s">
        <v>217</v>
      </c>
    </row>
    <row r="24" spans="1:28" x14ac:dyDescent="0.2">
      <c r="A24" t="s">
        <v>218</v>
      </c>
      <c r="AB24" t="s">
        <v>219</v>
      </c>
    </row>
    <row r="25" spans="1:28" x14ac:dyDescent="0.2">
      <c r="A25" t="s">
        <v>220</v>
      </c>
      <c r="AB25" t="s">
        <v>221</v>
      </c>
    </row>
    <row r="26" spans="1:28" x14ac:dyDescent="0.2">
      <c r="A26" t="s">
        <v>222</v>
      </c>
      <c r="AB26" t="s">
        <v>223</v>
      </c>
    </row>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1</vt:i4>
      </vt:variant>
    </vt:vector>
  </HeadingPairs>
  <TitlesOfParts>
    <vt:vector size="23" baseType="lpstr">
      <vt:lpstr>商品カルテ</vt:lpstr>
      <vt:lpstr>リスト</vt:lpstr>
      <vt:lpstr>商品カルテ!Print_Area</vt:lpstr>
      <vt:lpstr>サービス業・他に分類されないもの</vt:lpstr>
      <vt:lpstr>医療・福祉</vt:lpstr>
      <vt:lpstr>運輸業・郵便業</vt:lpstr>
      <vt:lpstr>卸売業・小売業</vt:lpstr>
      <vt:lpstr>学術研究・専門・技術サービス業</vt:lpstr>
      <vt:lpstr>漁業</vt:lpstr>
      <vt:lpstr>教育・学習支援業</vt:lpstr>
      <vt:lpstr>金融業・保険業</vt:lpstr>
      <vt:lpstr>建設業</vt:lpstr>
      <vt:lpstr>公務・他に分類されるものを除く</vt:lpstr>
      <vt:lpstr>鉱業・採石業・砂利採取業</vt:lpstr>
      <vt:lpstr>宿泊業・飲食サービス業</vt:lpstr>
      <vt:lpstr>情報通信業</vt:lpstr>
      <vt:lpstr>生活関連サービス業・娯楽業</vt:lpstr>
      <vt:lpstr>製造業</vt:lpstr>
      <vt:lpstr>電気・ガス・熱供給・水道業</vt:lpstr>
      <vt:lpstr>農業・林業</vt:lpstr>
      <vt:lpstr>不動産業・物品賃貸業</vt:lpstr>
      <vt:lpstr>複合サービス事業</vt:lpstr>
      <vt:lpstr>分類不能の産業</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c:creator>
  <cp:keywords/>
  <dc:description/>
  <cp:lastModifiedBy>-</cp:lastModifiedBy>
  <cp:revision/>
  <dcterms:created xsi:type="dcterms:W3CDTF">2020-08-14T05:30:01Z</dcterms:created>
  <dcterms:modified xsi:type="dcterms:W3CDTF">2024-06-10T06:58:10Z</dcterms:modified>
  <cp:category/>
  <cp:contentStatus/>
</cp:coreProperties>
</file>